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2.xml" ContentType="application/vnd.openxmlformats-officedocument.presentationml.notesSlid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4"/>
  </p:notesMasterIdLst>
  <p:sldIdLst>
    <p:sldId id="256" r:id="rId2"/>
    <p:sldId id="366" r:id="rId3"/>
    <p:sldId id="259" r:id="rId4"/>
    <p:sldId id="257" r:id="rId5"/>
    <p:sldId id="345" r:id="rId6"/>
    <p:sldId id="346" r:id="rId7"/>
    <p:sldId id="347" r:id="rId8"/>
    <p:sldId id="348" r:id="rId9"/>
    <p:sldId id="369" r:id="rId10"/>
    <p:sldId id="370" r:id="rId11"/>
    <p:sldId id="367" r:id="rId12"/>
    <p:sldId id="356" r:id="rId13"/>
    <p:sldId id="349" r:id="rId14"/>
    <p:sldId id="350" r:id="rId15"/>
    <p:sldId id="371" r:id="rId16"/>
    <p:sldId id="372" r:id="rId17"/>
    <p:sldId id="374" r:id="rId18"/>
    <p:sldId id="373" r:id="rId19"/>
    <p:sldId id="351" r:id="rId20"/>
    <p:sldId id="352" r:id="rId21"/>
    <p:sldId id="353" r:id="rId22"/>
    <p:sldId id="354" r:id="rId23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10" autoAdjust="0"/>
    <p:restoredTop sz="94665" autoAdjust="0"/>
  </p:normalViewPr>
  <p:slideViewPr>
    <p:cSldViewPr>
      <p:cViewPr varScale="1">
        <p:scale>
          <a:sx n="78" d="100"/>
          <a:sy n="78" d="100"/>
        </p:scale>
        <p:origin x="1864" y="17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CAF55B9-E8EE-0848-B214-9563D098CA70}" type="doc">
      <dgm:prSet loTypeId="urn:microsoft.com/office/officeart/2005/8/layout/process3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3B96410-B631-F440-82A5-9EEC8E91C5C7}">
      <dgm:prSet phldrT="[Text]" custT="1"/>
      <dgm:spPr/>
      <dgm:t>
        <a:bodyPr/>
        <a:lstStyle/>
        <a:p>
          <a:r>
            <a:rPr lang="en-US" sz="1800" b="1" dirty="0"/>
            <a:t>Installation</a:t>
          </a:r>
        </a:p>
      </dgm:t>
    </dgm:pt>
    <dgm:pt modelId="{CBBA5939-331C-F942-9144-7E5BAAC88B64}" type="parTrans" cxnId="{B387E7CB-E49F-0941-A837-7204DEC66C2E}">
      <dgm:prSet/>
      <dgm:spPr/>
      <dgm:t>
        <a:bodyPr/>
        <a:lstStyle/>
        <a:p>
          <a:endParaRPr lang="en-US"/>
        </a:p>
      </dgm:t>
    </dgm:pt>
    <dgm:pt modelId="{2A32C8A2-DD36-8C4D-8835-1CB7C3B22930}" type="sibTrans" cxnId="{B387E7CB-E49F-0941-A837-7204DEC66C2E}">
      <dgm:prSet/>
      <dgm:spPr/>
      <dgm:t>
        <a:bodyPr/>
        <a:lstStyle/>
        <a:p>
          <a:endParaRPr lang="en-US"/>
        </a:p>
      </dgm:t>
    </dgm:pt>
    <dgm:pt modelId="{8D620831-E1DF-F941-A9A9-FEC87CCA3EA1}">
      <dgm:prSet phldrT="[Text]" custT="1"/>
      <dgm:spPr/>
      <dgm:t>
        <a:bodyPr/>
        <a:lstStyle/>
        <a:p>
          <a:r>
            <a:rPr lang="en-US" sz="1300" b="1" dirty="0"/>
            <a:t>In-Kind Model</a:t>
          </a:r>
        </a:p>
      </dgm:t>
    </dgm:pt>
    <dgm:pt modelId="{F23D648F-DAC2-604C-A200-7074F9F3A10C}" type="parTrans" cxnId="{51E75FEC-64EA-CD46-B880-68631ECF7229}">
      <dgm:prSet/>
      <dgm:spPr/>
      <dgm:t>
        <a:bodyPr/>
        <a:lstStyle/>
        <a:p>
          <a:endParaRPr lang="en-US"/>
        </a:p>
      </dgm:t>
    </dgm:pt>
    <dgm:pt modelId="{BA58A8E5-94CE-6847-99D8-475CDE7E4F17}" type="sibTrans" cxnId="{51E75FEC-64EA-CD46-B880-68631ECF7229}">
      <dgm:prSet/>
      <dgm:spPr/>
      <dgm:t>
        <a:bodyPr/>
        <a:lstStyle/>
        <a:p>
          <a:endParaRPr lang="en-US"/>
        </a:p>
      </dgm:t>
    </dgm:pt>
    <dgm:pt modelId="{AB588F7C-07C1-AE4C-A78D-9C747CC34D75}">
      <dgm:prSet phldrT="[Text]" custT="1"/>
      <dgm:spPr/>
      <dgm:t>
        <a:bodyPr/>
        <a:lstStyle/>
        <a:p>
          <a:r>
            <a:rPr lang="en-US" sz="1800" b="1" dirty="0"/>
            <a:t>Testing</a:t>
          </a:r>
        </a:p>
      </dgm:t>
    </dgm:pt>
    <dgm:pt modelId="{6D55C2D2-F79E-A14B-B7B8-CCFA82D8BAB6}" type="parTrans" cxnId="{EF654AB0-DA7E-9142-9BEE-67493AF97F9B}">
      <dgm:prSet/>
      <dgm:spPr/>
      <dgm:t>
        <a:bodyPr/>
        <a:lstStyle/>
        <a:p>
          <a:endParaRPr lang="en-US"/>
        </a:p>
      </dgm:t>
    </dgm:pt>
    <dgm:pt modelId="{13B7A5DD-97EA-624A-A9F6-B1173D97B457}" type="sibTrans" cxnId="{EF654AB0-DA7E-9142-9BEE-67493AF97F9B}">
      <dgm:prSet/>
      <dgm:spPr/>
      <dgm:t>
        <a:bodyPr/>
        <a:lstStyle/>
        <a:p>
          <a:endParaRPr lang="en-US"/>
        </a:p>
      </dgm:t>
    </dgm:pt>
    <dgm:pt modelId="{34AEFCEE-9D89-1647-895B-134373D8BBF1}">
      <dgm:prSet phldrT="[Text]" custT="1"/>
      <dgm:spPr/>
      <dgm:t>
        <a:bodyPr/>
        <a:lstStyle/>
        <a:p>
          <a:r>
            <a:rPr lang="en-US" sz="1800" b="1" dirty="0"/>
            <a:t>Commissioning</a:t>
          </a:r>
        </a:p>
      </dgm:t>
    </dgm:pt>
    <dgm:pt modelId="{26F683E6-D50F-E446-A036-E5A3E1230CBA}" type="parTrans" cxnId="{4350DCF1-889A-DF4C-AFDE-6106FA505BC1}">
      <dgm:prSet/>
      <dgm:spPr/>
      <dgm:t>
        <a:bodyPr/>
        <a:lstStyle/>
        <a:p>
          <a:endParaRPr lang="en-US"/>
        </a:p>
      </dgm:t>
    </dgm:pt>
    <dgm:pt modelId="{E8B25760-8274-FA48-A36A-7F55B35BC352}" type="sibTrans" cxnId="{4350DCF1-889A-DF4C-AFDE-6106FA505BC1}">
      <dgm:prSet/>
      <dgm:spPr/>
      <dgm:t>
        <a:bodyPr/>
        <a:lstStyle/>
        <a:p>
          <a:endParaRPr lang="en-US"/>
        </a:p>
      </dgm:t>
    </dgm:pt>
    <dgm:pt modelId="{3591A5D4-C439-0C42-991D-7CF9209016ED}">
      <dgm:prSet phldrT="[Text]" custT="1"/>
      <dgm:spPr/>
      <dgm:t>
        <a:bodyPr/>
        <a:lstStyle/>
        <a:p>
          <a:r>
            <a:rPr lang="en-US" sz="1300" b="1" dirty="0"/>
            <a:t>Ready for Installation Dates (RFI):</a:t>
          </a:r>
        </a:p>
      </dgm:t>
    </dgm:pt>
    <dgm:pt modelId="{9FCF120B-580A-2C48-B657-69D3832149E0}" type="parTrans" cxnId="{BA1694D3-A855-B844-BE3E-C383DE7B802F}">
      <dgm:prSet/>
      <dgm:spPr/>
      <dgm:t>
        <a:bodyPr/>
        <a:lstStyle/>
        <a:p>
          <a:endParaRPr lang="en-US"/>
        </a:p>
      </dgm:t>
    </dgm:pt>
    <dgm:pt modelId="{A4167D55-E534-B946-BB23-408A306B0B15}" type="sibTrans" cxnId="{BA1694D3-A855-B844-BE3E-C383DE7B802F}">
      <dgm:prSet/>
      <dgm:spPr/>
      <dgm:t>
        <a:bodyPr/>
        <a:lstStyle/>
        <a:p>
          <a:endParaRPr lang="en-US"/>
        </a:p>
      </dgm:t>
    </dgm:pt>
    <dgm:pt modelId="{AE4161A0-76D0-1E4E-A3D4-703858EA238E}">
      <dgm:prSet phldrT="[Text]" custT="1"/>
      <dgm:spPr/>
      <dgm:t>
        <a:bodyPr/>
        <a:lstStyle/>
        <a:p>
          <a:r>
            <a:rPr lang="en-US" sz="1300" dirty="0"/>
            <a:t>Some contractual</a:t>
          </a:r>
        </a:p>
      </dgm:t>
    </dgm:pt>
    <dgm:pt modelId="{05CACCBC-E609-814E-85DD-1CB1C06410A1}" type="parTrans" cxnId="{DB89BB0A-F231-224A-A9CF-45D8C54E71C1}">
      <dgm:prSet/>
      <dgm:spPr/>
      <dgm:t>
        <a:bodyPr/>
        <a:lstStyle/>
        <a:p>
          <a:endParaRPr lang="en-US"/>
        </a:p>
      </dgm:t>
    </dgm:pt>
    <dgm:pt modelId="{E133EFA1-8128-AA45-A6C1-D15D1DA8AA05}" type="sibTrans" cxnId="{DB89BB0A-F231-224A-A9CF-45D8C54E71C1}">
      <dgm:prSet/>
      <dgm:spPr/>
      <dgm:t>
        <a:bodyPr/>
        <a:lstStyle/>
        <a:p>
          <a:endParaRPr lang="en-US"/>
        </a:p>
      </dgm:t>
    </dgm:pt>
    <dgm:pt modelId="{F9B1E968-5BA0-E44A-B190-244F5CE58B58}">
      <dgm:prSet custT="1"/>
      <dgm:spPr/>
      <dgm:t>
        <a:bodyPr/>
        <a:lstStyle/>
        <a:p>
          <a:r>
            <a:rPr lang="en-US" sz="1300" b="1" dirty="0" err="1"/>
            <a:t>Optimised</a:t>
          </a:r>
          <a:r>
            <a:rPr lang="en-US" sz="1300" b="1" dirty="0"/>
            <a:t> Sequence:</a:t>
          </a:r>
        </a:p>
      </dgm:t>
    </dgm:pt>
    <dgm:pt modelId="{1EE6525A-3DE0-8C44-B5C6-5E18DF1941B2}" type="parTrans" cxnId="{420BA674-F0E9-A645-B61C-B7B69CFE3E32}">
      <dgm:prSet/>
      <dgm:spPr/>
      <dgm:t>
        <a:bodyPr/>
        <a:lstStyle/>
        <a:p>
          <a:endParaRPr lang="en-US"/>
        </a:p>
      </dgm:t>
    </dgm:pt>
    <dgm:pt modelId="{238226D9-84ED-C347-8324-501698B00430}" type="sibTrans" cxnId="{420BA674-F0E9-A645-B61C-B7B69CFE3E32}">
      <dgm:prSet/>
      <dgm:spPr/>
      <dgm:t>
        <a:bodyPr/>
        <a:lstStyle/>
        <a:p>
          <a:endParaRPr lang="en-US"/>
        </a:p>
      </dgm:t>
    </dgm:pt>
    <dgm:pt modelId="{086B538A-3E58-364E-BB37-8CDDF30498BB}">
      <dgm:prSet custT="1"/>
      <dgm:spPr/>
      <dgm:t>
        <a:bodyPr/>
        <a:lstStyle/>
        <a:p>
          <a:r>
            <a:rPr lang="en-US" sz="1300" dirty="0"/>
            <a:t>Logic</a:t>
          </a:r>
        </a:p>
      </dgm:t>
    </dgm:pt>
    <dgm:pt modelId="{ADF2A20A-91EF-D642-8359-6547AD454EDC}" type="parTrans" cxnId="{48E68425-F745-9449-BA59-C2C743301827}">
      <dgm:prSet/>
      <dgm:spPr/>
      <dgm:t>
        <a:bodyPr/>
        <a:lstStyle/>
        <a:p>
          <a:endParaRPr lang="en-US"/>
        </a:p>
      </dgm:t>
    </dgm:pt>
    <dgm:pt modelId="{62842FA6-62B3-5A49-9738-3F706FF7800C}" type="sibTrans" cxnId="{48E68425-F745-9449-BA59-C2C743301827}">
      <dgm:prSet/>
      <dgm:spPr/>
      <dgm:t>
        <a:bodyPr/>
        <a:lstStyle/>
        <a:p>
          <a:endParaRPr lang="en-US"/>
        </a:p>
      </dgm:t>
    </dgm:pt>
    <dgm:pt modelId="{4B91B01C-8789-A647-A672-4A7543BD129E}">
      <dgm:prSet custT="1"/>
      <dgm:spPr/>
      <dgm:t>
        <a:bodyPr/>
        <a:lstStyle/>
        <a:p>
          <a:r>
            <a:rPr lang="en-US" sz="1300"/>
            <a:t>Safety</a:t>
          </a:r>
          <a:endParaRPr lang="en-US" sz="1300" dirty="0"/>
        </a:p>
      </dgm:t>
    </dgm:pt>
    <dgm:pt modelId="{491C3098-5B6D-4346-AA1F-798D5987DD10}" type="parTrans" cxnId="{F7963798-9E40-A147-B311-8AA0543493A0}">
      <dgm:prSet/>
      <dgm:spPr/>
      <dgm:t>
        <a:bodyPr/>
        <a:lstStyle/>
        <a:p>
          <a:endParaRPr lang="en-US"/>
        </a:p>
      </dgm:t>
    </dgm:pt>
    <dgm:pt modelId="{BF9A5F00-772C-5F45-B64D-39BA121E84D8}" type="sibTrans" cxnId="{F7963798-9E40-A147-B311-8AA0543493A0}">
      <dgm:prSet/>
      <dgm:spPr/>
      <dgm:t>
        <a:bodyPr/>
        <a:lstStyle/>
        <a:p>
          <a:endParaRPr lang="en-US"/>
        </a:p>
      </dgm:t>
    </dgm:pt>
    <dgm:pt modelId="{2C2BD417-88D2-8B44-A2D7-87A572510DBE}">
      <dgm:prSet custT="1"/>
      <dgm:spPr/>
      <dgm:t>
        <a:bodyPr/>
        <a:lstStyle/>
        <a:p>
          <a:r>
            <a:rPr lang="en-US" sz="1300"/>
            <a:t>Flexibility</a:t>
          </a:r>
          <a:endParaRPr lang="en-US" sz="1300" dirty="0"/>
        </a:p>
      </dgm:t>
    </dgm:pt>
    <dgm:pt modelId="{2D495328-CFA0-7740-B659-4DF5DACC7660}" type="parTrans" cxnId="{F22FC917-C52D-4B45-9565-827C03C09455}">
      <dgm:prSet/>
      <dgm:spPr/>
      <dgm:t>
        <a:bodyPr/>
        <a:lstStyle/>
        <a:p>
          <a:endParaRPr lang="en-US"/>
        </a:p>
      </dgm:t>
    </dgm:pt>
    <dgm:pt modelId="{B61331D3-50F7-8C4B-9552-18FD0DF781F3}" type="sibTrans" cxnId="{F22FC917-C52D-4B45-9565-827C03C09455}">
      <dgm:prSet/>
      <dgm:spPr/>
      <dgm:t>
        <a:bodyPr/>
        <a:lstStyle/>
        <a:p>
          <a:endParaRPr lang="en-US"/>
        </a:p>
      </dgm:t>
    </dgm:pt>
    <dgm:pt modelId="{787BE49D-A9F7-954D-A8F6-CED2FD91AC98}">
      <dgm:prSet custT="1"/>
      <dgm:spPr/>
      <dgm:t>
        <a:bodyPr/>
        <a:lstStyle/>
        <a:p>
          <a:r>
            <a:rPr lang="en-US" sz="1300" b="1" dirty="0"/>
            <a:t>Parallel Installation and Commissioning:</a:t>
          </a:r>
        </a:p>
      </dgm:t>
    </dgm:pt>
    <dgm:pt modelId="{F583C5AF-9F2E-AF43-96EF-E13C0CD30BBF}" type="parTrans" cxnId="{A9AF7205-9601-ED43-A519-35DE463C3222}">
      <dgm:prSet/>
      <dgm:spPr/>
      <dgm:t>
        <a:bodyPr/>
        <a:lstStyle/>
        <a:p>
          <a:endParaRPr lang="en-US"/>
        </a:p>
      </dgm:t>
    </dgm:pt>
    <dgm:pt modelId="{5D385EC8-9E27-6D4E-93AB-8721737F65DE}" type="sibTrans" cxnId="{A9AF7205-9601-ED43-A519-35DE463C3222}">
      <dgm:prSet/>
      <dgm:spPr/>
      <dgm:t>
        <a:bodyPr/>
        <a:lstStyle/>
        <a:p>
          <a:endParaRPr lang="en-US"/>
        </a:p>
      </dgm:t>
    </dgm:pt>
    <dgm:pt modelId="{52BA6DB6-5ABB-AB4B-939C-F92A9F481293}">
      <dgm:prSet custT="1"/>
      <dgm:spPr/>
      <dgm:t>
        <a:bodyPr/>
        <a:lstStyle/>
        <a:p>
          <a:r>
            <a:rPr lang="en-US" sz="1300" dirty="0"/>
            <a:t>Shielding Wall</a:t>
          </a:r>
        </a:p>
      </dgm:t>
    </dgm:pt>
    <dgm:pt modelId="{C354CFF4-A9AD-DF4F-8B73-EB24580D8A82}" type="parTrans" cxnId="{499672DA-8C8B-F74A-A97E-9E70A3788446}">
      <dgm:prSet/>
      <dgm:spPr/>
      <dgm:t>
        <a:bodyPr/>
        <a:lstStyle/>
        <a:p>
          <a:endParaRPr lang="en-US"/>
        </a:p>
      </dgm:t>
    </dgm:pt>
    <dgm:pt modelId="{4A9A40C2-D162-BF40-8BC0-5021EB125C48}" type="sibTrans" cxnId="{499672DA-8C8B-F74A-A97E-9E70A3788446}">
      <dgm:prSet/>
      <dgm:spPr/>
      <dgm:t>
        <a:bodyPr/>
        <a:lstStyle/>
        <a:p>
          <a:endParaRPr lang="en-US"/>
        </a:p>
      </dgm:t>
    </dgm:pt>
    <dgm:pt modelId="{8747DB50-F2DA-BF44-A12A-958BDE6F405F}">
      <dgm:prSet phldrT="[Text]" custT="1"/>
      <dgm:spPr/>
      <dgm:t>
        <a:bodyPr/>
        <a:lstStyle/>
        <a:p>
          <a:r>
            <a:rPr lang="en-US" sz="1300" dirty="0"/>
            <a:t>Others “best estimate”</a:t>
          </a:r>
        </a:p>
      </dgm:t>
    </dgm:pt>
    <dgm:pt modelId="{CD0D0CB2-E1B3-9147-90C4-496ED9D21B77}" type="parTrans" cxnId="{5D04A28C-CBB8-A44D-85F4-932E96EAA9B6}">
      <dgm:prSet/>
      <dgm:spPr/>
      <dgm:t>
        <a:bodyPr/>
        <a:lstStyle/>
        <a:p>
          <a:endParaRPr lang="en-US"/>
        </a:p>
      </dgm:t>
    </dgm:pt>
    <dgm:pt modelId="{1EEF76F1-CD8A-0843-8BC9-3411CFAD0BD4}" type="sibTrans" cxnId="{5D04A28C-CBB8-A44D-85F4-932E96EAA9B6}">
      <dgm:prSet/>
      <dgm:spPr/>
      <dgm:t>
        <a:bodyPr/>
        <a:lstStyle/>
        <a:p>
          <a:endParaRPr lang="en-US"/>
        </a:p>
      </dgm:t>
    </dgm:pt>
    <dgm:pt modelId="{916709E7-2919-AF4C-B220-FAD69D395546}">
      <dgm:prSet phldrT="[Text]" custT="1"/>
      <dgm:spPr/>
      <dgm:t>
        <a:bodyPr/>
        <a:lstStyle/>
        <a:p>
          <a:r>
            <a:rPr lang="en-US" sz="1300" b="1" dirty="0"/>
            <a:t>Safety Measures</a:t>
          </a:r>
        </a:p>
      </dgm:t>
    </dgm:pt>
    <dgm:pt modelId="{2675D7F6-71B0-284D-B138-9AED3F28AAB1}" type="parTrans" cxnId="{154DDBC6-334E-694A-9C86-77339CC6ABB9}">
      <dgm:prSet/>
      <dgm:spPr/>
      <dgm:t>
        <a:bodyPr/>
        <a:lstStyle/>
        <a:p>
          <a:endParaRPr lang="en-US"/>
        </a:p>
      </dgm:t>
    </dgm:pt>
    <dgm:pt modelId="{A0585C27-D1F3-014C-8EA9-B7DBBA696DA9}" type="sibTrans" cxnId="{154DDBC6-334E-694A-9C86-77339CC6ABB9}">
      <dgm:prSet/>
      <dgm:spPr/>
      <dgm:t>
        <a:bodyPr/>
        <a:lstStyle/>
        <a:p>
          <a:endParaRPr lang="en-US"/>
        </a:p>
      </dgm:t>
    </dgm:pt>
    <dgm:pt modelId="{E06318C3-0791-0D42-945A-AA0EAB8778DF}">
      <dgm:prSet phldrT="[Text]" custT="1"/>
      <dgm:spPr/>
      <dgm:t>
        <a:bodyPr/>
        <a:lstStyle/>
        <a:p>
          <a:r>
            <a:rPr lang="en-US" sz="1300" b="1" dirty="0"/>
            <a:t>Correct Gateways</a:t>
          </a:r>
        </a:p>
      </dgm:t>
    </dgm:pt>
    <dgm:pt modelId="{7A240A36-D66D-2843-9707-0859A73B81CE}" type="parTrans" cxnId="{CC57A6D9-130D-BD40-8FD4-DF9876736DEF}">
      <dgm:prSet/>
      <dgm:spPr/>
      <dgm:t>
        <a:bodyPr/>
        <a:lstStyle/>
        <a:p>
          <a:endParaRPr lang="en-US"/>
        </a:p>
      </dgm:t>
    </dgm:pt>
    <dgm:pt modelId="{0DA60B7F-3EC0-D142-8408-61BF20391A41}" type="sibTrans" cxnId="{CC57A6D9-130D-BD40-8FD4-DF9876736DEF}">
      <dgm:prSet/>
      <dgm:spPr/>
      <dgm:t>
        <a:bodyPr/>
        <a:lstStyle/>
        <a:p>
          <a:endParaRPr lang="en-US"/>
        </a:p>
      </dgm:t>
    </dgm:pt>
    <dgm:pt modelId="{23E2BFC7-16C0-3D45-80B6-46A435FC3E44}">
      <dgm:prSet phldrT="[Text]" custT="1"/>
      <dgm:spPr/>
      <dgm:t>
        <a:bodyPr/>
        <a:lstStyle/>
        <a:p>
          <a:r>
            <a:rPr lang="en-US" sz="1300" dirty="0"/>
            <a:t>Suitable Reviews</a:t>
          </a:r>
        </a:p>
      </dgm:t>
    </dgm:pt>
    <dgm:pt modelId="{243B6AA2-7E75-E849-8D9E-4D4CDE4773D9}" type="parTrans" cxnId="{D54A918E-7AEA-F949-AC8D-7B8FBF7496AF}">
      <dgm:prSet/>
      <dgm:spPr/>
      <dgm:t>
        <a:bodyPr/>
        <a:lstStyle/>
        <a:p>
          <a:endParaRPr lang="en-US"/>
        </a:p>
      </dgm:t>
    </dgm:pt>
    <dgm:pt modelId="{3B4000EC-FDC4-184F-93AA-9CFF88E1BEF5}" type="sibTrans" cxnId="{D54A918E-7AEA-F949-AC8D-7B8FBF7496AF}">
      <dgm:prSet/>
      <dgm:spPr/>
      <dgm:t>
        <a:bodyPr/>
        <a:lstStyle/>
        <a:p>
          <a:endParaRPr lang="en-US"/>
        </a:p>
      </dgm:t>
    </dgm:pt>
    <dgm:pt modelId="{6E75C39B-11D0-A741-8739-977A2952F6FD}">
      <dgm:prSet phldrT="[Text]" custT="1"/>
      <dgm:spPr/>
      <dgm:t>
        <a:bodyPr/>
        <a:lstStyle/>
        <a:p>
          <a:endParaRPr lang="en-US" sz="1300" b="1" dirty="0"/>
        </a:p>
      </dgm:t>
    </dgm:pt>
    <dgm:pt modelId="{A4CFDA92-E90B-2D43-9A2C-5E571AB8C499}" type="parTrans" cxnId="{A729C651-B2CE-E04E-8F64-AB7CD44CD6FE}">
      <dgm:prSet/>
      <dgm:spPr/>
      <dgm:t>
        <a:bodyPr/>
        <a:lstStyle/>
        <a:p>
          <a:endParaRPr lang="en-US"/>
        </a:p>
      </dgm:t>
    </dgm:pt>
    <dgm:pt modelId="{C4631652-5CEC-8C4A-BD7A-63B029B979E7}" type="sibTrans" cxnId="{A729C651-B2CE-E04E-8F64-AB7CD44CD6FE}">
      <dgm:prSet/>
      <dgm:spPr/>
      <dgm:t>
        <a:bodyPr/>
        <a:lstStyle/>
        <a:p>
          <a:endParaRPr lang="en-US"/>
        </a:p>
      </dgm:t>
    </dgm:pt>
    <dgm:pt modelId="{AA9137B0-A8B6-1C4A-8813-6F5D6D088864}">
      <dgm:prSet custT="1"/>
      <dgm:spPr/>
      <dgm:t>
        <a:bodyPr/>
        <a:lstStyle/>
        <a:p>
          <a:endParaRPr lang="en-US" sz="1300" b="1" dirty="0"/>
        </a:p>
      </dgm:t>
    </dgm:pt>
    <dgm:pt modelId="{C873CF05-243A-8544-97D7-113B645D1372}" type="parTrans" cxnId="{CF9BB33B-FD14-E348-9320-6EF38D900D35}">
      <dgm:prSet/>
      <dgm:spPr/>
      <dgm:t>
        <a:bodyPr/>
        <a:lstStyle/>
        <a:p>
          <a:endParaRPr lang="en-US"/>
        </a:p>
      </dgm:t>
    </dgm:pt>
    <dgm:pt modelId="{39E9512F-D051-AF40-9829-A82BDE70E6CD}" type="sibTrans" cxnId="{CF9BB33B-FD14-E348-9320-6EF38D900D35}">
      <dgm:prSet/>
      <dgm:spPr/>
      <dgm:t>
        <a:bodyPr/>
        <a:lstStyle/>
        <a:p>
          <a:endParaRPr lang="en-US"/>
        </a:p>
      </dgm:t>
    </dgm:pt>
    <dgm:pt modelId="{4EE865B8-8DBF-914E-9EAE-6CE358D75E54}">
      <dgm:prSet custT="1"/>
      <dgm:spPr/>
      <dgm:t>
        <a:bodyPr/>
        <a:lstStyle/>
        <a:p>
          <a:endParaRPr lang="en-US" sz="1300" b="1" dirty="0"/>
        </a:p>
      </dgm:t>
    </dgm:pt>
    <dgm:pt modelId="{6E33DA3F-2DBD-1F44-9305-4644A0B43C77}" type="parTrans" cxnId="{AAB8911B-A47A-7C40-BFA5-283A206C038D}">
      <dgm:prSet/>
      <dgm:spPr/>
      <dgm:t>
        <a:bodyPr/>
        <a:lstStyle/>
        <a:p>
          <a:endParaRPr lang="en-US"/>
        </a:p>
      </dgm:t>
    </dgm:pt>
    <dgm:pt modelId="{9084E315-A4D1-4649-BC07-9FEA68FF31F2}" type="sibTrans" cxnId="{AAB8911B-A47A-7C40-BFA5-283A206C038D}">
      <dgm:prSet/>
      <dgm:spPr/>
      <dgm:t>
        <a:bodyPr/>
        <a:lstStyle/>
        <a:p>
          <a:endParaRPr lang="en-US"/>
        </a:p>
      </dgm:t>
    </dgm:pt>
    <dgm:pt modelId="{0F6D1C1D-E724-B34E-AAB5-098B61467BC4}">
      <dgm:prSet phldrT="[Text]" custT="1"/>
      <dgm:spPr/>
      <dgm:t>
        <a:bodyPr/>
        <a:lstStyle/>
        <a:p>
          <a:endParaRPr lang="en-US" sz="1300" b="1" dirty="0"/>
        </a:p>
      </dgm:t>
    </dgm:pt>
    <dgm:pt modelId="{8B0DB104-6162-9A41-8197-3F4B0160342A}" type="parTrans" cxnId="{AAA5A3A7-9FB3-0F41-8341-364B23A203FE}">
      <dgm:prSet/>
      <dgm:spPr/>
      <dgm:t>
        <a:bodyPr/>
        <a:lstStyle/>
        <a:p>
          <a:endParaRPr lang="en-US"/>
        </a:p>
      </dgm:t>
    </dgm:pt>
    <dgm:pt modelId="{78848FD1-6EB3-9A4C-88CB-579452EE7A7D}" type="sibTrans" cxnId="{AAA5A3A7-9FB3-0F41-8341-364B23A203FE}">
      <dgm:prSet/>
      <dgm:spPr/>
      <dgm:t>
        <a:bodyPr/>
        <a:lstStyle/>
        <a:p>
          <a:endParaRPr lang="en-US"/>
        </a:p>
      </dgm:t>
    </dgm:pt>
    <dgm:pt modelId="{BFD0E444-708E-9C4F-9CBD-CBA1BB8973B5}">
      <dgm:prSet phldrT="[Text]" custT="1"/>
      <dgm:spPr/>
      <dgm:t>
        <a:bodyPr/>
        <a:lstStyle/>
        <a:p>
          <a:endParaRPr lang="en-US" sz="1300" b="1" dirty="0"/>
        </a:p>
      </dgm:t>
    </dgm:pt>
    <dgm:pt modelId="{C6AE7858-4DDB-1041-A544-C36A9C5FC6B8}" type="parTrans" cxnId="{E1BC10D7-58B6-0143-AD25-EF248CB42415}">
      <dgm:prSet/>
      <dgm:spPr/>
      <dgm:t>
        <a:bodyPr/>
        <a:lstStyle/>
        <a:p>
          <a:endParaRPr lang="en-US"/>
        </a:p>
      </dgm:t>
    </dgm:pt>
    <dgm:pt modelId="{0FDF63BB-2352-D84A-973D-10615DB028E1}" type="sibTrans" cxnId="{E1BC10D7-58B6-0143-AD25-EF248CB42415}">
      <dgm:prSet/>
      <dgm:spPr/>
      <dgm:t>
        <a:bodyPr/>
        <a:lstStyle/>
        <a:p>
          <a:endParaRPr lang="en-US"/>
        </a:p>
      </dgm:t>
    </dgm:pt>
    <dgm:pt modelId="{B34AD081-4A95-0149-8AD6-CE69F557DC16}">
      <dgm:prSet phldrT="[Text]" custT="1"/>
      <dgm:spPr/>
      <dgm:t>
        <a:bodyPr/>
        <a:lstStyle/>
        <a:p>
          <a:r>
            <a:rPr lang="en-US" sz="1300" b="1" dirty="0"/>
            <a:t>Realistic time allocation</a:t>
          </a:r>
        </a:p>
      </dgm:t>
    </dgm:pt>
    <dgm:pt modelId="{B7DAF85F-C415-DD41-ACDD-9799BB40BFE5}" type="parTrans" cxnId="{45B4D449-D42D-D748-B7FA-2E8AF647AF15}">
      <dgm:prSet/>
      <dgm:spPr/>
      <dgm:t>
        <a:bodyPr/>
        <a:lstStyle/>
        <a:p>
          <a:endParaRPr lang="en-US"/>
        </a:p>
      </dgm:t>
    </dgm:pt>
    <dgm:pt modelId="{9EC5F0E6-D0DF-D347-ADD1-EC152DEA401C}" type="sibTrans" cxnId="{45B4D449-D42D-D748-B7FA-2E8AF647AF15}">
      <dgm:prSet/>
      <dgm:spPr/>
      <dgm:t>
        <a:bodyPr/>
        <a:lstStyle/>
        <a:p>
          <a:endParaRPr lang="en-US"/>
        </a:p>
      </dgm:t>
    </dgm:pt>
    <dgm:pt modelId="{2C239922-AB20-074F-AFC3-F5BA37DE7BFA}">
      <dgm:prSet phldrT="[Text]" custT="1"/>
      <dgm:spPr/>
      <dgm:t>
        <a:bodyPr/>
        <a:lstStyle/>
        <a:p>
          <a:r>
            <a:rPr lang="en-US" sz="1300" b="1" dirty="0"/>
            <a:t>Relevant Permits</a:t>
          </a:r>
        </a:p>
      </dgm:t>
    </dgm:pt>
    <dgm:pt modelId="{7E67376C-4949-2841-9A23-D0FED1D150DA}" type="parTrans" cxnId="{0A3394BA-2F84-D946-8D45-ADB6450CE63B}">
      <dgm:prSet/>
      <dgm:spPr/>
      <dgm:t>
        <a:bodyPr/>
        <a:lstStyle/>
        <a:p>
          <a:endParaRPr lang="en-US"/>
        </a:p>
      </dgm:t>
    </dgm:pt>
    <dgm:pt modelId="{F59B70B3-15B7-A144-830C-15B26413B478}" type="sibTrans" cxnId="{0A3394BA-2F84-D946-8D45-ADB6450CE63B}">
      <dgm:prSet/>
      <dgm:spPr/>
      <dgm:t>
        <a:bodyPr/>
        <a:lstStyle/>
        <a:p>
          <a:endParaRPr lang="en-US"/>
        </a:p>
      </dgm:t>
    </dgm:pt>
    <dgm:pt modelId="{9BE2A701-453F-0B40-98A6-89E9D8173114}">
      <dgm:prSet phldrT="[Text]" custT="1"/>
      <dgm:spPr/>
      <dgm:t>
        <a:bodyPr/>
        <a:lstStyle/>
        <a:p>
          <a:endParaRPr lang="en-US" sz="1300" b="1" dirty="0"/>
        </a:p>
      </dgm:t>
    </dgm:pt>
    <dgm:pt modelId="{D85B5E22-288B-414C-9C9B-6F7234444A1A}" type="parTrans" cxnId="{214F259F-6D0E-C542-B00C-70E46CD3DB06}">
      <dgm:prSet/>
      <dgm:spPr/>
      <dgm:t>
        <a:bodyPr/>
        <a:lstStyle/>
        <a:p>
          <a:endParaRPr lang="en-US"/>
        </a:p>
      </dgm:t>
    </dgm:pt>
    <dgm:pt modelId="{0AF26FA7-9854-C747-9463-564F955CA8E1}" type="sibTrans" cxnId="{214F259F-6D0E-C542-B00C-70E46CD3DB06}">
      <dgm:prSet/>
      <dgm:spPr/>
      <dgm:t>
        <a:bodyPr/>
        <a:lstStyle/>
        <a:p>
          <a:endParaRPr lang="en-US"/>
        </a:p>
      </dgm:t>
    </dgm:pt>
    <dgm:pt modelId="{1B8AB9A8-B093-5540-AD73-5FAA1FD159F6}">
      <dgm:prSet phldrT="[Text]" custT="1"/>
      <dgm:spPr/>
      <dgm:t>
        <a:bodyPr/>
        <a:lstStyle/>
        <a:p>
          <a:r>
            <a:rPr lang="en-US" sz="1300" b="0" dirty="0"/>
            <a:t>SSM</a:t>
          </a:r>
        </a:p>
      </dgm:t>
    </dgm:pt>
    <dgm:pt modelId="{07B9846C-A3C5-F044-A67B-7B70771047E7}" type="parTrans" cxnId="{767A1B7B-F1AD-EA4B-AE52-E69530F16C82}">
      <dgm:prSet/>
      <dgm:spPr/>
      <dgm:t>
        <a:bodyPr/>
        <a:lstStyle/>
        <a:p>
          <a:endParaRPr lang="en-US"/>
        </a:p>
      </dgm:t>
    </dgm:pt>
    <dgm:pt modelId="{FE1F445F-4F72-784A-9B58-AE2B8B823955}" type="sibTrans" cxnId="{767A1B7B-F1AD-EA4B-AE52-E69530F16C82}">
      <dgm:prSet/>
      <dgm:spPr/>
      <dgm:t>
        <a:bodyPr/>
        <a:lstStyle/>
        <a:p>
          <a:endParaRPr lang="en-US"/>
        </a:p>
      </dgm:t>
    </dgm:pt>
    <dgm:pt modelId="{4CA227B2-6BFB-C543-8F5B-646043403161}">
      <dgm:prSet phldrT="[Text]" custT="1"/>
      <dgm:spPr/>
      <dgm:t>
        <a:bodyPr/>
        <a:lstStyle/>
        <a:p>
          <a:r>
            <a:rPr lang="en-US" sz="1300" b="1" dirty="0"/>
            <a:t>Hardware</a:t>
          </a:r>
        </a:p>
      </dgm:t>
    </dgm:pt>
    <dgm:pt modelId="{B1F5C508-C85E-C945-BE41-F338125222BC}" type="sibTrans" cxnId="{8E90B13C-DB07-E94A-99DE-AD8D8008BD61}">
      <dgm:prSet/>
      <dgm:spPr/>
      <dgm:t>
        <a:bodyPr/>
        <a:lstStyle/>
        <a:p>
          <a:endParaRPr lang="en-US"/>
        </a:p>
      </dgm:t>
    </dgm:pt>
    <dgm:pt modelId="{6DC7DF63-1939-FC4C-8FAC-84104D9F07BC}" type="parTrans" cxnId="{8E90B13C-DB07-E94A-99DE-AD8D8008BD61}">
      <dgm:prSet/>
      <dgm:spPr/>
      <dgm:t>
        <a:bodyPr/>
        <a:lstStyle/>
        <a:p>
          <a:endParaRPr lang="en-US"/>
        </a:p>
      </dgm:t>
    </dgm:pt>
    <dgm:pt modelId="{62F0AEC1-53A3-FD4D-BCB5-98B14B13A756}">
      <dgm:prSet phldrT="[Text]" custT="1"/>
      <dgm:spPr/>
      <dgm:t>
        <a:bodyPr/>
        <a:lstStyle/>
        <a:p>
          <a:endParaRPr lang="en-US" sz="1300" dirty="0"/>
        </a:p>
      </dgm:t>
    </dgm:pt>
    <dgm:pt modelId="{5F20E386-08A3-D64C-A888-A342529F45C4}" type="sibTrans" cxnId="{AC96DDB1-732F-924D-9B17-3F391A072ABC}">
      <dgm:prSet/>
      <dgm:spPr/>
      <dgm:t>
        <a:bodyPr/>
        <a:lstStyle/>
        <a:p>
          <a:endParaRPr lang="en-US"/>
        </a:p>
      </dgm:t>
    </dgm:pt>
    <dgm:pt modelId="{C7721637-3B97-0B4A-9552-DE9E9F17F71A}" type="parTrans" cxnId="{AC96DDB1-732F-924D-9B17-3F391A072ABC}">
      <dgm:prSet/>
      <dgm:spPr/>
      <dgm:t>
        <a:bodyPr/>
        <a:lstStyle/>
        <a:p>
          <a:endParaRPr lang="en-US"/>
        </a:p>
      </dgm:t>
    </dgm:pt>
    <dgm:pt modelId="{62D903E0-CF31-A944-A12E-36F1FB293DEC}">
      <dgm:prSet phldrT="[Text]" custT="1"/>
      <dgm:spPr/>
      <dgm:t>
        <a:bodyPr/>
        <a:lstStyle/>
        <a:p>
          <a:r>
            <a:rPr lang="en-US" sz="1300" b="1" dirty="0"/>
            <a:t>Beam</a:t>
          </a:r>
        </a:p>
      </dgm:t>
    </dgm:pt>
    <dgm:pt modelId="{0222E89E-E79F-854E-86E5-FCCFD93F84BB}" type="sibTrans" cxnId="{EE8F701B-3B0F-864C-A92E-9816E048A8D5}">
      <dgm:prSet/>
      <dgm:spPr/>
      <dgm:t>
        <a:bodyPr/>
        <a:lstStyle/>
        <a:p>
          <a:endParaRPr lang="en-US"/>
        </a:p>
      </dgm:t>
    </dgm:pt>
    <dgm:pt modelId="{CC7325C2-ACD6-8C4B-8402-160E4688A7FA}" type="parTrans" cxnId="{EE8F701B-3B0F-864C-A92E-9816E048A8D5}">
      <dgm:prSet/>
      <dgm:spPr/>
      <dgm:t>
        <a:bodyPr/>
        <a:lstStyle/>
        <a:p>
          <a:endParaRPr lang="en-US"/>
        </a:p>
      </dgm:t>
    </dgm:pt>
    <dgm:pt modelId="{07CF4ADD-AC94-1948-9B12-0EF15E37FF96}">
      <dgm:prSet phldrT="[Text]" custT="1"/>
      <dgm:spPr/>
      <dgm:t>
        <a:bodyPr/>
        <a:lstStyle/>
        <a:p>
          <a:endParaRPr lang="en-US" sz="1300" dirty="0"/>
        </a:p>
      </dgm:t>
    </dgm:pt>
    <dgm:pt modelId="{36FE7C3B-9F56-4C42-BDBD-B3B08636C0AA}" type="sibTrans" cxnId="{82FE99CC-8821-C046-97DC-2F9012B163BD}">
      <dgm:prSet/>
      <dgm:spPr/>
      <dgm:t>
        <a:bodyPr/>
        <a:lstStyle/>
        <a:p>
          <a:endParaRPr lang="en-US"/>
        </a:p>
      </dgm:t>
    </dgm:pt>
    <dgm:pt modelId="{603783D7-3624-5B40-8F23-D65DD9DD54B2}" type="parTrans" cxnId="{82FE99CC-8821-C046-97DC-2F9012B163BD}">
      <dgm:prSet/>
      <dgm:spPr/>
      <dgm:t>
        <a:bodyPr/>
        <a:lstStyle/>
        <a:p>
          <a:endParaRPr lang="en-US"/>
        </a:p>
      </dgm:t>
    </dgm:pt>
    <dgm:pt modelId="{CB3DFB0F-AA2C-FF46-9993-4341C3B202DD}">
      <dgm:prSet phldrT="[Text]" custT="1"/>
      <dgm:spPr/>
      <dgm:t>
        <a:bodyPr/>
        <a:lstStyle/>
        <a:p>
          <a:r>
            <a:rPr lang="en-US" sz="1300" b="1" dirty="0"/>
            <a:t>Key Dependencies</a:t>
          </a:r>
        </a:p>
      </dgm:t>
    </dgm:pt>
    <dgm:pt modelId="{B3636699-9529-3344-845C-EDDD606739EC}" type="sibTrans" cxnId="{11DB5FCD-88EF-DE4E-B758-C372BC663EE2}">
      <dgm:prSet/>
      <dgm:spPr/>
      <dgm:t>
        <a:bodyPr/>
        <a:lstStyle/>
        <a:p>
          <a:endParaRPr lang="en-US"/>
        </a:p>
      </dgm:t>
    </dgm:pt>
    <dgm:pt modelId="{89120331-9FDE-AE46-B14F-3726FB480FC5}" type="parTrans" cxnId="{11DB5FCD-88EF-DE4E-B758-C372BC663EE2}">
      <dgm:prSet/>
      <dgm:spPr/>
      <dgm:t>
        <a:bodyPr/>
        <a:lstStyle/>
        <a:p>
          <a:endParaRPr lang="en-US"/>
        </a:p>
      </dgm:t>
    </dgm:pt>
    <dgm:pt modelId="{9C5822CA-E2AA-574B-9782-A8E47C3500EF}">
      <dgm:prSet phldrT="[Text]" custT="1"/>
      <dgm:spPr/>
      <dgm:t>
        <a:bodyPr/>
        <a:lstStyle/>
        <a:p>
          <a:endParaRPr lang="en-US" sz="1300" dirty="0"/>
        </a:p>
      </dgm:t>
    </dgm:pt>
    <dgm:pt modelId="{C9863B03-1423-EC4B-8942-E36D7791FE5A}" type="sibTrans" cxnId="{E1843D7B-1613-EF4F-B281-3DE247309DE6}">
      <dgm:prSet/>
      <dgm:spPr/>
      <dgm:t>
        <a:bodyPr/>
        <a:lstStyle/>
        <a:p>
          <a:endParaRPr lang="en-US"/>
        </a:p>
      </dgm:t>
    </dgm:pt>
    <dgm:pt modelId="{D256F35C-6051-A544-86A0-1B74C623D0E0}" type="parTrans" cxnId="{E1843D7B-1613-EF4F-B281-3DE247309DE6}">
      <dgm:prSet/>
      <dgm:spPr/>
      <dgm:t>
        <a:bodyPr/>
        <a:lstStyle/>
        <a:p>
          <a:endParaRPr lang="en-US"/>
        </a:p>
      </dgm:t>
    </dgm:pt>
    <dgm:pt modelId="{21A2E228-A992-2E4D-A09C-F2FA811216C6}">
      <dgm:prSet phldrT="[Text]" custT="1"/>
      <dgm:spPr/>
      <dgm:t>
        <a:bodyPr/>
        <a:lstStyle/>
        <a:p>
          <a:r>
            <a:rPr lang="en-US" sz="1300" b="1" dirty="0"/>
            <a:t>Critical Parameters</a:t>
          </a:r>
        </a:p>
      </dgm:t>
    </dgm:pt>
    <dgm:pt modelId="{49CC6AC1-E95B-9547-AB67-5C94EB35CE6B}" type="sibTrans" cxnId="{E3B45D1D-0017-6F41-BA03-8F70BAE06CFB}">
      <dgm:prSet/>
      <dgm:spPr/>
      <dgm:t>
        <a:bodyPr/>
        <a:lstStyle/>
        <a:p>
          <a:endParaRPr lang="en-US"/>
        </a:p>
      </dgm:t>
    </dgm:pt>
    <dgm:pt modelId="{1112342E-2C77-7040-9CF5-3E8C5AC05D60}" type="parTrans" cxnId="{E3B45D1D-0017-6F41-BA03-8F70BAE06CFB}">
      <dgm:prSet/>
      <dgm:spPr/>
      <dgm:t>
        <a:bodyPr/>
        <a:lstStyle/>
        <a:p>
          <a:endParaRPr lang="en-US"/>
        </a:p>
      </dgm:t>
    </dgm:pt>
    <dgm:pt modelId="{D60A2DCF-AEF5-8F4F-BCF7-C0C12E1A9B33}">
      <dgm:prSet phldrT="[Text]" custT="1"/>
      <dgm:spPr/>
      <dgm:t>
        <a:bodyPr/>
        <a:lstStyle/>
        <a:p>
          <a:r>
            <a:rPr lang="en-US" sz="1300" b="0" dirty="0"/>
            <a:t>Other Divisions</a:t>
          </a:r>
          <a:endParaRPr lang="en-US" sz="1300" b="1" dirty="0"/>
        </a:p>
      </dgm:t>
    </dgm:pt>
    <dgm:pt modelId="{E9FFF171-3068-8E4F-8DF1-4162E4697EA8}" type="parTrans" cxnId="{CFA397A5-6EFD-A047-A12A-D313409B4943}">
      <dgm:prSet/>
      <dgm:spPr/>
      <dgm:t>
        <a:bodyPr/>
        <a:lstStyle/>
        <a:p>
          <a:endParaRPr lang="en-US"/>
        </a:p>
      </dgm:t>
    </dgm:pt>
    <dgm:pt modelId="{A1E6828A-732E-9C47-9E1E-FE34E2E1DE11}" type="sibTrans" cxnId="{CFA397A5-6EFD-A047-A12A-D313409B4943}">
      <dgm:prSet/>
      <dgm:spPr/>
      <dgm:t>
        <a:bodyPr/>
        <a:lstStyle/>
        <a:p>
          <a:endParaRPr lang="en-US"/>
        </a:p>
      </dgm:t>
    </dgm:pt>
    <dgm:pt modelId="{F070B841-59DB-4245-9D2D-B97FE4B86E15}">
      <dgm:prSet custT="1"/>
      <dgm:spPr/>
      <dgm:t>
        <a:bodyPr/>
        <a:lstStyle/>
        <a:p>
          <a:r>
            <a:rPr lang="en-US" sz="1300" b="1" dirty="0"/>
            <a:t>Coordinated Installation of Utilities/Services</a:t>
          </a:r>
        </a:p>
      </dgm:t>
    </dgm:pt>
    <dgm:pt modelId="{FB429510-D1EA-B24C-8D45-4B51DD39F6BD}" type="parTrans" cxnId="{ED022768-BFDA-6F4C-BDCF-D21DD9F90A88}">
      <dgm:prSet/>
      <dgm:spPr/>
      <dgm:t>
        <a:bodyPr/>
        <a:lstStyle/>
        <a:p>
          <a:endParaRPr lang="en-US"/>
        </a:p>
      </dgm:t>
    </dgm:pt>
    <dgm:pt modelId="{A363B3CA-9B5D-B948-BEE5-26FE6E70BA20}" type="sibTrans" cxnId="{ED022768-BFDA-6F4C-BDCF-D21DD9F90A88}">
      <dgm:prSet/>
      <dgm:spPr/>
      <dgm:t>
        <a:bodyPr/>
        <a:lstStyle/>
        <a:p>
          <a:endParaRPr lang="en-US"/>
        </a:p>
      </dgm:t>
    </dgm:pt>
    <dgm:pt modelId="{7557B410-A26A-044E-8271-E5C07A5BC45E}">
      <dgm:prSet custT="1"/>
      <dgm:spPr/>
      <dgm:t>
        <a:bodyPr/>
        <a:lstStyle/>
        <a:p>
          <a:endParaRPr lang="en-US" sz="1300" dirty="0"/>
        </a:p>
      </dgm:t>
    </dgm:pt>
    <dgm:pt modelId="{6EC0C96C-0D26-D544-988E-41B9F09D563F}" type="parTrans" cxnId="{0BA24E7C-AA74-A34E-881B-5204885D0A10}">
      <dgm:prSet/>
      <dgm:spPr/>
      <dgm:t>
        <a:bodyPr/>
        <a:lstStyle/>
        <a:p>
          <a:endParaRPr lang="en-US"/>
        </a:p>
      </dgm:t>
    </dgm:pt>
    <dgm:pt modelId="{43D78587-2345-B544-8B9F-EB28261F3A28}" type="sibTrans" cxnId="{0BA24E7C-AA74-A34E-881B-5204885D0A10}">
      <dgm:prSet/>
      <dgm:spPr/>
      <dgm:t>
        <a:bodyPr/>
        <a:lstStyle/>
        <a:p>
          <a:endParaRPr lang="en-US"/>
        </a:p>
      </dgm:t>
    </dgm:pt>
    <dgm:pt modelId="{F2EBE323-947A-6D42-B349-8FBD821C3EEB}">
      <dgm:prSet custT="1"/>
      <dgm:spPr/>
      <dgm:t>
        <a:bodyPr/>
        <a:lstStyle/>
        <a:p>
          <a:r>
            <a:rPr lang="en-US" sz="1300" dirty="0"/>
            <a:t>Demanding Schedule</a:t>
          </a:r>
        </a:p>
      </dgm:t>
    </dgm:pt>
    <dgm:pt modelId="{FA8E2F58-C4DA-204D-8D9C-0B959E8F907B}" type="parTrans" cxnId="{0B40DDAD-1710-B54B-B2F3-DCF8989A251A}">
      <dgm:prSet/>
      <dgm:spPr/>
      <dgm:t>
        <a:bodyPr/>
        <a:lstStyle/>
        <a:p>
          <a:endParaRPr lang="en-US"/>
        </a:p>
      </dgm:t>
    </dgm:pt>
    <dgm:pt modelId="{9E0C7340-C99A-9A47-99CF-38AA2FA9AC0F}" type="sibTrans" cxnId="{0B40DDAD-1710-B54B-B2F3-DCF8989A251A}">
      <dgm:prSet/>
      <dgm:spPr/>
      <dgm:t>
        <a:bodyPr/>
        <a:lstStyle/>
        <a:p>
          <a:endParaRPr lang="en-US"/>
        </a:p>
      </dgm:t>
    </dgm:pt>
    <dgm:pt modelId="{341598F3-0501-A04A-93EA-EA03AB12AAB8}">
      <dgm:prSet custT="1"/>
      <dgm:spPr/>
      <dgm:t>
        <a:bodyPr/>
        <a:lstStyle/>
        <a:p>
          <a:r>
            <a:rPr lang="en-US" sz="1300" b="1" dirty="0"/>
            <a:t>No Internal Float</a:t>
          </a:r>
        </a:p>
      </dgm:t>
    </dgm:pt>
    <dgm:pt modelId="{30F30A40-DA1E-BB47-BC2E-9BCDD090406E}" type="parTrans" cxnId="{224E56EF-792F-A643-A82D-9BBC1F8EF75F}">
      <dgm:prSet/>
      <dgm:spPr/>
      <dgm:t>
        <a:bodyPr/>
        <a:lstStyle/>
        <a:p>
          <a:endParaRPr lang="en-US"/>
        </a:p>
      </dgm:t>
    </dgm:pt>
    <dgm:pt modelId="{CAF31C53-4DBE-CB49-90C7-8BCF25137559}" type="sibTrans" cxnId="{224E56EF-792F-A643-A82D-9BBC1F8EF75F}">
      <dgm:prSet/>
      <dgm:spPr/>
      <dgm:t>
        <a:bodyPr/>
        <a:lstStyle/>
        <a:p>
          <a:endParaRPr lang="en-US"/>
        </a:p>
      </dgm:t>
    </dgm:pt>
    <dgm:pt modelId="{88AE58ED-5490-5742-8311-CB8981D5607F}">
      <dgm:prSet custT="1"/>
      <dgm:spPr/>
      <dgm:t>
        <a:bodyPr/>
        <a:lstStyle/>
        <a:p>
          <a:endParaRPr lang="en-US" sz="1300" b="1" dirty="0"/>
        </a:p>
      </dgm:t>
    </dgm:pt>
    <dgm:pt modelId="{EAB4C3A0-C801-BB48-AE52-EBF907C0FF60}" type="parTrans" cxnId="{3FD45290-D2F0-9F4A-931C-B6F629221745}">
      <dgm:prSet/>
      <dgm:spPr/>
      <dgm:t>
        <a:bodyPr/>
        <a:lstStyle/>
        <a:p>
          <a:endParaRPr lang="en-US"/>
        </a:p>
      </dgm:t>
    </dgm:pt>
    <dgm:pt modelId="{3DAEACD3-F4E6-A442-B3BA-27E010813311}" type="sibTrans" cxnId="{3FD45290-D2F0-9F4A-931C-B6F629221745}">
      <dgm:prSet/>
      <dgm:spPr/>
      <dgm:t>
        <a:bodyPr/>
        <a:lstStyle/>
        <a:p>
          <a:endParaRPr lang="en-US"/>
        </a:p>
      </dgm:t>
    </dgm:pt>
    <dgm:pt modelId="{D65EAD4A-576C-3740-9351-7EAC710CC31E}" type="pres">
      <dgm:prSet presAssocID="{2CAF55B9-E8EE-0848-B214-9563D098CA70}" presName="linearFlow" presStyleCnt="0">
        <dgm:presLayoutVars>
          <dgm:dir/>
          <dgm:animLvl val="lvl"/>
          <dgm:resizeHandles val="exact"/>
        </dgm:presLayoutVars>
      </dgm:prSet>
      <dgm:spPr/>
    </dgm:pt>
    <dgm:pt modelId="{801F1FC1-6412-D446-BC9E-16178B6CEFD7}" type="pres">
      <dgm:prSet presAssocID="{63B96410-B631-F440-82A5-9EEC8E91C5C7}" presName="composite" presStyleCnt="0"/>
      <dgm:spPr/>
    </dgm:pt>
    <dgm:pt modelId="{C800DB87-299D-4E4E-9785-4B4F6C8805C6}" type="pres">
      <dgm:prSet presAssocID="{63B96410-B631-F440-82A5-9EEC8E91C5C7}" presName="par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FE25B442-E29A-C940-BDA9-292D1419F320}" type="pres">
      <dgm:prSet presAssocID="{63B96410-B631-F440-82A5-9EEC8E91C5C7}" presName="parSh" presStyleLbl="node1" presStyleIdx="0" presStyleCnt="3" custLinFactNeighborY="1178"/>
      <dgm:spPr/>
    </dgm:pt>
    <dgm:pt modelId="{7D95476B-35B9-E244-9198-7E73FD0369A4}" type="pres">
      <dgm:prSet presAssocID="{63B96410-B631-F440-82A5-9EEC8E91C5C7}" presName="desTx" presStyleLbl="fgAcc1" presStyleIdx="0" presStyleCnt="3" custScaleX="116164" custScaleY="100000" custLinFactNeighborY="-789">
        <dgm:presLayoutVars>
          <dgm:bulletEnabled val="1"/>
        </dgm:presLayoutVars>
      </dgm:prSet>
      <dgm:spPr/>
    </dgm:pt>
    <dgm:pt modelId="{C1902682-6B7A-FB40-B47F-0422C1D01724}" type="pres">
      <dgm:prSet presAssocID="{2A32C8A2-DD36-8C4D-8835-1CB7C3B22930}" presName="sibTrans" presStyleLbl="sibTrans2D1" presStyleIdx="0" presStyleCnt="2"/>
      <dgm:spPr/>
    </dgm:pt>
    <dgm:pt modelId="{5E3840EB-D4AF-5E42-9300-1B4374A037FB}" type="pres">
      <dgm:prSet presAssocID="{2A32C8A2-DD36-8C4D-8835-1CB7C3B22930}" presName="connTx" presStyleLbl="sibTrans2D1" presStyleIdx="0" presStyleCnt="2"/>
      <dgm:spPr/>
    </dgm:pt>
    <dgm:pt modelId="{F8C6975E-D35A-6341-8183-45FE5380FD6F}" type="pres">
      <dgm:prSet presAssocID="{AB588F7C-07C1-AE4C-A78D-9C747CC34D75}" presName="composite" presStyleCnt="0"/>
      <dgm:spPr/>
    </dgm:pt>
    <dgm:pt modelId="{F922EE73-01CB-FF4F-B357-7CD31BAB2DAF}" type="pres">
      <dgm:prSet presAssocID="{AB588F7C-07C1-AE4C-A78D-9C747CC34D75}" presName="par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503AB438-5811-AD4F-8ED2-B80ABD4E0DE7}" type="pres">
      <dgm:prSet presAssocID="{AB588F7C-07C1-AE4C-A78D-9C747CC34D75}" presName="parSh" presStyleLbl="node1" presStyleIdx="1" presStyleCnt="3" custLinFactNeighborY="888"/>
      <dgm:spPr/>
    </dgm:pt>
    <dgm:pt modelId="{73224CB2-1D1E-CA4E-8AC8-3DAC6A769D2C}" type="pres">
      <dgm:prSet presAssocID="{AB588F7C-07C1-AE4C-A78D-9C747CC34D75}" presName="desTx" presStyleLbl="fgAcc1" presStyleIdx="1" presStyleCnt="3" custScaleX="116349" custScaleY="100001" custLinFactNeighborY="-684">
        <dgm:presLayoutVars>
          <dgm:bulletEnabled val="1"/>
        </dgm:presLayoutVars>
      </dgm:prSet>
      <dgm:spPr/>
    </dgm:pt>
    <dgm:pt modelId="{05C6AF1A-E125-5143-8831-7BA3330E034C}" type="pres">
      <dgm:prSet presAssocID="{13B7A5DD-97EA-624A-A9F6-B1173D97B457}" presName="sibTrans" presStyleLbl="sibTrans2D1" presStyleIdx="1" presStyleCnt="2"/>
      <dgm:spPr/>
    </dgm:pt>
    <dgm:pt modelId="{5F9E659B-4F76-D940-B983-C99170B27651}" type="pres">
      <dgm:prSet presAssocID="{13B7A5DD-97EA-624A-A9F6-B1173D97B457}" presName="connTx" presStyleLbl="sibTrans2D1" presStyleIdx="1" presStyleCnt="2"/>
      <dgm:spPr/>
    </dgm:pt>
    <dgm:pt modelId="{BB91C0C7-F4F6-7E41-91FF-11B25AF419AC}" type="pres">
      <dgm:prSet presAssocID="{34AEFCEE-9D89-1647-895B-134373D8BBF1}" presName="composite" presStyleCnt="0"/>
      <dgm:spPr/>
    </dgm:pt>
    <dgm:pt modelId="{767B81ED-A687-F546-9916-B9D86C9A3A15}" type="pres">
      <dgm:prSet presAssocID="{34AEFCEE-9D89-1647-895B-134373D8BBF1}" presName="parTx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814E2444-D15B-A94E-B43E-6B6FA25FEE5E}" type="pres">
      <dgm:prSet presAssocID="{34AEFCEE-9D89-1647-895B-134373D8BBF1}" presName="parSh" presStyleLbl="node1" presStyleIdx="2" presStyleCnt="3" custLinFactNeighborY="-4977"/>
      <dgm:spPr/>
    </dgm:pt>
    <dgm:pt modelId="{BA486E6C-C378-0444-8824-1A97A213FC67}" type="pres">
      <dgm:prSet presAssocID="{34AEFCEE-9D89-1647-895B-134373D8BBF1}" presName="desTx" presStyleLbl="fgAcc1" presStyleIdx="2" presStyleCnt="3" custScaleY="100000" custLinFactNeighborX="-4562" custLinFactNeighborY="-685">
        <dgm:presLayoutVars>
          <dgm:bulletEnabled val="1"/>
        </dgm:presLayoutVars>
      </dgm:prSet>
      <dgm:spPr/>
    </dgm:pt>
  </dgm:ptLst>
  <dgm:cxnLst>
    <dgm:cxn modelId="{A9AF7205-9601-ED43-A519-35DE463C3222}" srcId="{63B96410-B631-F440-82A5-9EEC8E91C5C7}" destId="{787BE49D-A9F7-954D-A8F6-CED2FD91AC98}" srcOrd="6" destOrd="0" parTransId="{F583C5AF-9F2E-AF43-96EF-E13C0CD30BBF}" sibTransId="{5D385EC8-9E27-6D4E-93AB-8721737F65DE}"/>
    <dgm:cxn modelId="{3FCC7805-ACCC-BF4D-8989-CF382DEAC398}" type="presOf" srcId="{9C5822CA-E2AA-574B-9782-A8E47C3500EF}" destId="{BA486E6C-C378-0444-8824-1A97A213FC67}" srcOrd="0" destOrd="6" presId="urn:microsoft.com/office/officeart/2005/8/layout/process3"/>
    <dgm:cxn modelId="{DB89BB0A-F231-224A-A9CF-45D8C54E71C1}" srcId="{3591A5D4-C439-0C42-991D-7CF9209016ED}" destId="{AE4161A0-76D0-1E4E-A3D4-703858EA238E}" srcOrd="0" destOrd="0" parTransId="{05CACCBC-E609-814E-85DD-1CB1C06410A1}" sibTransId="{E133EFA1-8128-AA45-A6C1-D15D1DA8AA05}"/>
    <dgm:cxn modelId="{A42FCD0C-0E6A-C34E-82D1-8752A97D7969}" type="presOf" srcId="{B34AD081-4A95-0149-8AD6-CE69F557DC16}" destId="{73224CB2-1D1E-CA4E-8AC8-3DAC6A769D2C}" srcOrd="0" destOrd="0" presId="urn:microsoft.com/office/officeart/2005/8/layout/process3"/>
    <dgm:cxn modelId="{22B4A50F-0F1A-024C-8E7F-9E2BB80FD9B5}" type="presOf" srcId="{2C2BD417-88D2-8B44-A2D7-87A572510DBE}" destId="{7D95476B-35B9-E244-9198-7E73FD0369A4}" srcOrd="0" destOrd="9" presId="urn:microsoft.com/office/officeart/2005/8/layout/process3"/>
    <dgm:cxn modelId="{3E48FD12-1365-1449-8A8C-2298BF3F646E}" type="presOf" srcId="{13B7A5DD-97EA-624A-A9F6-B1173D97B457}" destId="{5F9E659B-4F76-D940-B983-C99170B27651}" srcOrd="1" destOrd="0" presId="urn:microsoft.com/office/officeart/2005/8/layout/process3"/>
    <dgm:cxn modelId="{C8690815-BBAE-2D4D-A8E4-1AA32863CE93}" type="presOf" srcId="{6E75C39B-11D0-A741-8739-977A2952F6FD}" destId="{7D95476B-35B9-E244-9198-7E73FD0369A4}" srcOrd="0" destOrd="1" presId="urn:microsoft.com/office/officeart/2005/8/layout/process3"/>
    <dgm:cxn modelId="{F22FC917-C52D-4B45-9565-827C03C09455}" srcId="{F9B1E968-5BA0-E44A-B190-244F5CE58B58}" destId="{2C2BD417-88D2-8B44-A2D7-87A572510DBE}" srcOrd="2" destOrd="0" parTransId="{2D495328-CFA0-7740-B659-4DF5DACC7660}" sibTransId="{B61331D3-50F7-8C4B-9552-18FD0DF781F3}"/>
    <dgm:cxn modelId="{EE8F701B-3B0F-864C-A92E-9816E048A8D5}" srcId="{34AEFCEE-9D89-1647-895B-134373D8BBF1}" destId="{62D903E0-CF31-A944-A12E-36F1FB293DEC}" srcOrd="2" destOrd="0" parTransId="{CC7325C2-ACD6-8C4B-8402-160E4688A7FA}" sibTransId="{0222E89E-E79F-854E-86E5-FCCFD93F84BB}"/>
    <dgm:cxn modelId="{AAB8911B-A47A-7C40-BFA5-283A206C038D}" srcId="{63B96410-B631-F440-82A5-9EEC8E91C5C7}" destId="{4EE865B8-8DBF-914E-9EAE-6CE358D75E54}" srcOrd="5" destOrd="0" parTransId="{6E33DA3F-2DBD-1F44-9305-4644A0B43C77}" sibTransId="{9084E315-A4D1-4649-BC07-9FEA68FF31F2}"/>
    <dgm:cxn modelId="{C434901C-5F0F-884A-AC1B-0F075A12EE4B}" type="presOf" srcId="{0F6D1C1D-E724-B34E-AAB5-098B61467BC4}" destId="{73224CB2-1D1E-CA4E-8AC8-3DAC6A769D2C}" srcOrd="0" destOrd="4" presId="urn:microsoft.com/office/officeart/2005/8/layout/process3"/>
    <dgm:cxn modelId="{E3B45D1D-0017-6F41-BA03-8F70BAE06CFB}" srcId="{34AEFCEE-9D89-1647-895B-134373D8BBF1}" destId="{21A2E228-A992-2E4D-A09C-F2FA811216C6}" srcOrd="6" destOrd="0" parTransId="{1112342E-2C77-7040-9CF5-3E8C5AC05D60}" sibTransId="{49CC6AC1-E95B-9547-AB67-5C94EB35CE6B}"/>
    <dgm:cxn modelId="{728C6020-BB09-5F40-B2BC-D9B1B85DFC49}" type="presOf" srcId="{34AEFCEE-9D89-1647-895B-134373D8BBF1}" destId="{767B81ED-A687-F546-9916-B9D86C9A3A15}" srcOrd="0" destOrd="0" presId="urn:microsoft.com/office/officeart/2005/8/layout/process3"/>
    <dgm:cxn modelId="{48E68425-F745-9449-BA59-C2C743301827}" srcId="{F9B1E968-5BA0-E44A-B190-244F5CE58B58}" destId="{086B538A-3E58-364E-BB37-8CDDF30498BB}" srcOrd="0" destOrd="0" parTransId="{ADF2A20A-91EF-D642-8359-6547AD454EDC}" sibTransId="{62842FA6-62B3-5A49-9738-3F706FF7800C}"/>
    <dgm:cxn modelId="{78EAA126-E285-F147-9002-E73A919B696A}" type="presOf" srcId="{AE4161A0-76D0-1E4E-A3D4-703858EA238E}" destId="{7D95476B-35B9-E244-9198-7E73FD0369A4}" srcOrd="0" destOrd="3" presId="urn:microsoft.com/office/officeart/2005/8/layout/process3"/>
    <dgm:cxn modelId="{5D5F912C-DB43-EE47-98D8-7FC977DAB6D7}" type="presOf" srcId="{88AE58ED-5490-5742-8311-CB8981D5607F}" destId="{7D95476B-35B9-E244-9198-7E73FD0369A4}" srcOrd="0" destOrd="16" presId="urn:microsoft.com/office/officeart/2005/8/layout/process3"/>
    <dgm:cxn modelId="{21224732-1AE2-F548-BE3C-1AA5CFD8FD55}" type="presOf" srcId="{21A2E228-A992-2E4D-A09C-F2FA811216C6}" destId="{BA486E6C-C378-0444-8824-1A97A213FC67}" srcOrd="0" destOrd="7" presId="urn:microsoft.com/office/officeart/2005/8/layout/process3"/>
    <dgm:cxn modelId="{7F0DEA36-F409-5247-8C68-A06AE0E11276}" type="presOf" srcId="{3591A5D4-C439-0C42-991D-7CF9209016ED}" destId="{7D95476B-35B9-E244-9198-7E73FD0369A4}" srcOrd="0" destOrd="2" presId="urn:microsoft.com/office/officeart/2005/8/layout/process3"/>
    <dgm:cxn modelId="{24D8F738-CF6D-144E-A671-92E4CABA8217}" type="presOf" srcId="{F9B1E968-5BA0-E44A-B190-244F5CE58B58}" destId="{7D95476B-35B9-E244-9198-7E73FD0369A4}" srcOrd="0" destOrd="6" presId="urn:microsoft.com/office/officeart/2005/8/layout/process3"/>
    <dgm:cxn modelId="{E60B913B-1F32-5A40-9F92-5ABDEBDDD614}" type="presOf" srcId="{916709E7-2919-AF4C-B220-FAD69D395546}" destId="{73224CB2-1D1E-CA4E-8AC8-3DAC6A769D2C}" srcOrd="0" destOrd="5" presId="urn:microsoft.com/office/officeart/2005/8/layout/process3"/>
    <dgm:cxn modelId="{CF9BB33B-FD14-E348-9320-6EF38D900D35}" srcId="{63B96410-B631-F440-82A5-9EEC8E91C5C7}" destId="{AA9137B0-A8B6-1C4A-8813-6F5D6D088864}" srcOrd="3" destOrd="0" parTransId="{C873CF05-243A-8544-97D7-113B645D1372}" sibTransId="{39E9512F-D051-AF40-9829-A82BDE70E6CD}"/>
    <dgm:cxn modelId="{8E90B13C-DB07-E94A-99DE-AD8D8008BD61}" srcId="{34AEFCEE-9D89-1647-895B-134373D8BBF1}" destId="{4CA227B2-6BFB-C543-8F5B-646043403161}" srcOrd="0" destOrd="0" parTransId="{6DC7DF63-1939-FC4C-8FAC-84104D9F07BC}" sibTransId="{B1F5C508-C85E-C945-BE41-F338125222BC}"/>
    <dgm:cxn modelId="{FEFF193E-415D-C844-B94D-D802FC6EAC3D}" type="presOf" srcId="{1B8AB9A8-B093-5540-AD73-5FAA1FD159F6}" destId="{73224CB2-1D1E-CA4E-8AC8-3DAC6A769D2C}" srcOrd="0" destOrd="3" presId="urn:microsoft.com/office/officeart/2005/8/layout/process3"/>
    <dgm:cxn modelId="{6F95DB3F-0B55-B345-9A1B-5FDAFC5B497D}" type="presOf" srcId="{F070B841-59DB-4245-9D2D-B97FE4B86E15}" destId="{7D95476B-35B9-E244-9198-7E73FD0369A4}" srcOrd="0" destOrd="15" presId="urn:microsoft.com/office/officeart/2005/8/layout/process3"/>
    <dgm:cxn modelId="{998BFA41-8B92-2546-BC5B-799A79CE286A}" type="presOf" srcId="{34AEFCEE-9D89-1647-895B-134373D8BBF1}" destId="{814E2444-D15B-A94E-B43E-6B6FA25FEE5E}" srcOrd="1" destOrd="0" presId="urn:microsoft.com/office/officeart/2005/8/layout/process3"/>
    <dgm:cxn modelId="{FD73DE43-99EE-AC43-8323-7853E2693A96}" type="presOf" srcId="{787BE49D-A9F7-954D-A8F6-CED2FD91AC98}" destId="{7D95476B-35B9-E244-9198-7E73FD0369A4}" srcOrd="0" destOrd="11" presId="urn:microsoft.com/office/officeart/2005/8/layout/process3"/>
    <dgm:cxn modelId="{45B4D449-D42D-D748-B7FA-2E8AF647AF15}" srcId="{AB588F7C-07C1-AE4C-A78D-9C747CC34D75}" destId="{B34AD081-4A95-0149-8AD6-CE69F557DC16}" srcOrd="0" destOrd="0" parTransId="{B7DAF85F-C415-DD41-ACDD-9799BB40BFE5}" sibTransId="{9EC5F0E6-D0DF-D347-ADD1-EC152DEA401C}"/>
    <dgm:cxn modelId="{D12EAE4D-4610-C34E-8FBE-F337CA18D14C}" type="presOf" srcId="{9BE2A701-453F-0B40-98A6-89E9D8173114}" destId="{73224CB2-1D1E-CA4E-8AC8-3DAC6A769D2C}" srcOrd="0" destOrd="1" presId="urn:microsoft.com/office/officeart/2005/8/layout/process3"/>
    <dgm:cxn modelId="{A1F90551-6598-004F-A315-E0D40C6B875E}" type="presOf" srcId="{E06318C3-0791-0D42-945A-AA0EAB8778DF}" destId="{73224CB2-1D1E-CA4E-8AC8-3DAC6A769D2C}" srcOrd="0" destOrd="7" presId="urn:microsoft.com/office/officeart/2005/8/layout/process3"/>
    <dgm:cxn modelId="{A729C651-B2CE-E04E-8F64-AB7CD44CD6FE}" srcId="{63B96410-B631-F440-82A5-9EEC8E91C5C7}" destId="{6E75C39B-11D0-A741-8739-977A2952F6FD}" srcOrd="1" destOrd="0" parTransId="{A4CFDA92-E90B-2D43-9A2C-5E571AB8C499}" sibTransId="{C4631652-5CEC-8C4A-BD7A-63B029B979E7}"/>
    <dgm:cxn modelId="{C171C654-72E9-F645-BAE4-0CDFE66D48A4}" type="presOf" srcId="{086B538A-3E58-364E-BB37-8CDDF30498BB}" destId="{7D95476B-35B9-E244-9198-7E73FD0369A4}" srcOrd="0" destOrd="7" presId="urn:microsoft.com/office/officeart/2005/8/layout/process3"/>
    <dgm:cxn modelId="{79B74D5C-553C-1043-9622-A5D1DD9AD929}" type="presOf" srcId="{07CF4ADD-AC94-1948-9B12-0EF15E37FF96}" destId="{BA486E6C-C378-0444-8824-1A97A213FC67}" srcOrd="0" destOrd="3" presId="urn:microsoft.com/office/officeart/2005/8/layout/process3"/>
    <dgm:cxn modelId="{8442375E-AC25-5541-AEA0-2DB640A0B266}" type="presOf" srcId="{2A32C8A2-DD36-8C4D-8835-1CB7C3B22930}" destId="{C1902682-6B7A-FB40-B47F-0422C1D01724}" srcOrd="0" destOrd="0" presId="urn:microsoft.com/office/officeart/2005/8/layout/process3"/>
    <dgm:cxn modelId="{4E990162-DDC6-8840-8E93-C3F2E7DC4F5D}" type="presOf" srcId="{2A32C8A2-DD36-8C4D-8835-1CB7C3B22930}" destId="{5E3840EB-D4AF-5E42-9300-1B4374A037FB}" srcOrd="1" destOrd="0" presId="urn:microsoft.com/office/officeart/2005/8/layout/process3"/>
    <dgm:cxn modelId="{ED022768-BFDA-6F4C-BDCF-D21DD9F90A88}" srcId="{63B96410-B631-F440-82A5-9EEC8E91C5C7}" destId="{F070B841-59DB-4245-9D2D-B97FE4B86E15}" srcOrd="8" destOrd="0" parTransId="{FB429510-D1EA-B24C-8D45-4B51DD39F6BD}" sibTransId="{A363B3CA-9B5D-B948-BEE5-26FE6E70BA20}"/>
    <dgm:cxn modelId="{8730276D-E134-C64F-8E06-9C59B2E8658B}" type="presOf" srcId="{F2EBE323-947A-6D42-B349-8FBD821C3EEB}" destId="{7D95476B-35B9-E244-9198-7E73FD0369A4}" srcOrd="0" destOrd="13" presId="urn:microsoft.com/office/officeart/2005/8/layout/process3"/>
    <dgm:cxn modelId="{420BA674-F0E9-A645-B61C-B7B69CFE3E32}" srcId="{63B96410-B631-F440-82A5-9EEC8E91C5C7}" destId="{F9B1E968-5BA0-E44A-B190-244F5CE58B58}" srcOrd="4" destOrd="0" parTransId="{1EE6525A-3DE0-8C44-B5C6-5E18DF1941B2}" sibTransId="{238226D9-84ED-C347-8324-501698B00430}"/>
    <dgm:cxn modelId="{9A6BAD79-7F4D-9242-9ADC-65FF0972A6A6}" type="presOf" srcId="{341598F3-0501-A04A-93EA-EA03AB12AAB8}" destId="{7D95476B-35B9-E244-9198-7E73FD0369A4}" srcOrd="0" destOrd="17" presId="urn:microsoft.com/office/officeart/2005/8/layout/process3"/>
    <dgm:cxn modelId="{767A1B7B-F1AD-EA4B-AE52-E69530F16C82}" srcId="{2C239922-AB20-074F-AFC3-F5BA37DE7BFA}" destId="{1B8AB9A8-B093-5540-AD73-5FAA1FD159F6}" srcOrd="0" destOrd="0" parTransId="{07B9846C-A3C5-F044-A67B-7B70771047E7}" sibTransId="{FE1F445F-4F72-784A-9B58-AE2B8B823955}"/>
    <dgm:cxn modelId="{5280387B-8D7B-5049-8290-66BFCAFDDE74}" type="presOf" srcId="{52BA6DB6-5ABB-AB4B-939C-F92A9F481293}" destId="{7D95476B-35B9-E244-9198-7E73FD0369A4}" srcOrd="0" destOrd="12" presId="urn:microsoft.com/office/officeart/2005/8/layout/process3"/>
    <dgm:cxn modelId="{E1843D7B-1613-EF4F-B281-3DE247309DE6}" srcId="{34AEFCEE-9D89-1647-895B-134373D8BBF1}" destId="{9C5822CA-E2AA-574B-9782-A8E47C3500EF}" srcOrd="5" destOrd="0" parTransId="{D256F35C-6051-A544-86A0-1B74C623D0E0}" sibTransId="{C9863B03-1423-EC4B-8942-E36D7791FE5A}"/>
    <dgm:cxn modelId="{0BA24E7C-AA74-A34E-881B-5204885D0A10}" srcId="{63B96410-B631-F440-82A5-9EEC8E91C5C7}" destId="{7557B410-A26A-044E-8271-E5C07A5BC45E}" srcOrd="7" destOrd="0" parTransId="{6EC0C96C-0D26-D544-988E-41B9F09D563F}" sibTransId="{43D78587-2345-B544-8B9F-EB28261F3A28}"/>
    <dgm:cxn modelId="{F8B39C83-1394-4449-8B08-161154562C35}" type="presOf" srcId="{62F0AEC1-53A3-FD4D-BCB5-98B14B13A756}" destId="{BA486E6C-C378-0444-8824-1A97A213FC67}" srcOrd="0" destOrd="1" presId="urn:microsoft.com/office/officeart/2005/8/layout/process3"/>
    <dgm:cxn modelId="{D97A7686-F380-D944-9C67-43CAB9BBAFC8}" type="presOf" srcId="{2C239922-AB20-074F-AFC3-F5BA37DE7BFA}" destId="{73224CB2-1D1E-CA4E-8AC8-3DAC6A769D2C}" srcOrd="0" destOrd="2" presId="urn:microsoft.com/office/officeart/2005/8/layout/process3"/>
    <dgm:cxn modelId="{5D04A28C-CBB8-A44D-85F4-932E96EAA9B6}" srcId="{3591A5D4-C439-0C42-991D-7CF9209016ED}" destId="{8747DB50-F2DA-BF44-A12A-958BDE6F405F}" srcOrd="1" destOrd="0" parTransId="{CD0D0CB2-E1B3-9147-90C4-496ED9D21B77}" sibTransId="{1EEF76F1-CD8A-0843-8BC9-3411CFAD0BD4}"/>
    <dgm:cxn modelId="{D54A918E-7AEA-F949-AC8D-7B8FBF7496AF}" srcId="{E06318C3-0791-0D42-945A-AA0EAB8778DF}" destId="{23E2BFC7-16C0-3D45-80B6-46A435FC3E44}" srcOrd="0" destOrd="0" parTransId="{243B6AA2-7E75-E849-8D9E-4D4CDE4773D9}" sibTransId="{3B4000EC-FDC4-184F-93AA-9CFF88E1BEF5}"/>
    <dgm:cxn modelId="{3FD45290-D2F0-9F4A-931C-B6F629221745}" srcId="{63B96410-B631-F440-82A5-9EEC8E91C5C7}" destId="{88AE58ED-5490-5742-8311-CB8981D5607F}" srcOrd="9" destOrd="0" parTransId="{EAB4C3A0-C801-BB48-AE52-EBF907C0FF60}" sibTransId="{3DAEACD3-F4E6-A442-B3BA-27E010813311}"/>
    <dgm:cxn modelId="{C2F21794-064B-CD4B-A027-90C68A6DAD45}" type="presOf" srcId="{AB588F7C-07C1-AE4C-A78D-9C747CC34D75}" destId="{F922EE73-01CB-FF4F-B357-7CD31BAB2DAF}" srcOrd="0" destOrd="0" presId="urn:microsoft.com/office/officeart/2005/8/layout/process3"/>
    <dgm:cxn modelId="{F7963798-9E40-A147-B311-8AA0543493A0}" srcId="{F9B1E968-5BA0-E44A-B190-244F5CE58B58}" destId="{4B91B01C-8789-A647-A672-4A7543BD129E}" srcOrd="1" destOrd="0" parTransId="{491C3098-5B6D-4346-AA1F-798D5987DD10}" sibTransId="{BF9A5F00-772C-5F45-B64D-39BA121E84D8}"/>
    <dgm:cxn modelId="{54D2679B-A065-7343-9903-98B11B1D851E}" type="presOf" srcId="{62D903E0-CF31-A944-A12E-36F1FB293DEC}" destId="{BA486E6C-C378-0444-8824-1A97A213FC67}" srcOrd="0" destOrd="2" presId="urn:microsoft.com/office/officeart/2005/8/layout/process3"/>
    <dgm:cxn modelId="{214F259F-6D0E-C542-B00C-70E46CD3DB06}" srcId="{AB588F7C-07C1-AE4C-A78D-9C747CC34D75}" destId="{9BE2A701-453F-0B40-98A6-89E9D8173114}" srcOrd="1" destOrd="0" parTransId="{D85B5E22-288B-414C-9C9B-6F7234444A1A}" sibTransId="{0AF26FA7-9854-C747-9463-564F955CA8E1}"/>
    <dgm:cxn modelId="{E75301A1-4C30-FA4F-A900-62B0EA9C4B19}" type="presOf" srcId="{8747DB50-F2DA-BF44-A12A-958BDE6F405F}" destId="{7D95476B-35B9-E244-9198-7E73FD0369A4}" srcOrd="0" destOrd="4" presId="urn:microsoft.com/office/officeart/2005/8/layout/process3"/>
    <dgm:cxn modelId="{5B5C28A4-6828-5A4C-92DB-A7A056E4D99A}" type="presOf" srcId="{7557B410-A26A-044E-8271-E5C07A5BC45E}" destId="{7D95476B-35B9-E244-9198-7E73FD0369A4}" srcOrd="0" destOrd="14" presId="urn:microsoft.com/office/officeart/2005/8/layout/process3"/>
    <dgm:cxn modelId="{CFA397A5-6EFD-A047-A12A-D313409B4943}" srcId="{CB3DFB0F-AA2C-FF46-9993-4341C3B202DD}" destId="{D60A2DCF-AEF5-8F4F-BCF7-C0C12E1A9B33}" srcOrd="0" destOrd="0" parTransId="{E9FFF171-3068-8E4F-8DF1-4162E4697EA8}" sibTransId="{A1E6828A-732E-9C47-9E1E-FE34E2E1DE11}"/>
    <dgm:cxn modelId="{AAA5A3A7-9FB3-0F41-8341-364B23A203FE}" srcId="{AB588F7C-07C1-AE4C-A78D-9C747CC34D75}" destId="{0F6D1C1D-E724-B34E-AAB5-098B61467BC4}" srcOrd="3" destOrd="0" parTransId="{8B0DB104-6162-9A41-8197-3F4B0160342A}" sibTransId="{78848FD1-6EB3-9A4C-88CB-579452EE7A7D}"/>
    <dgm:cxn modelId="{0B40DDAD-1710-B54B-B2F3-DCF8989A251A}" srcId="{787BE49D-A9F7-954D-A8F6-CED2FD91AC98}" destId="{F2EBE323-947A-6D42-B349-8FBD821C3EEB}" srcOrd="1" destOrd="0" parTransId="{FA8E2F58-C4DA-204D-8D9C-0B959E8F907B}" sibTransId="{9E0C7340-C99A-9A47-99CF-38AA2FA9AC0F}"/>
    <dgm:cxn modelId="{EF654AB0-DA7E-9142-9BEE-67493AF97F9B}" srcId="{2CAF55B9-E8EE-0848-B214-9563D098CA70}" destId="{AB588F7C-07C1-AE4C-A78D-9C747CC34D75}" srcOrd="1" destOrd="0" parTransId="{6D55C2D2-F79E-A14B-B7B8-CCFA82D8BAB6}" sibTransId="{13B7A5DD-97EA-624A-A9F6-B1173D97B457}"/>
    <dgm:cxn modelId="{AC96DDB1-732F-924D-9B17-3F391A072ABC}" srcId="{34AEFCEE-9D89-1647-895B-134373D8BBF1}" destId="{62F0AEC1-53A3-FD4D-BCB5-98B14B13A756}" srcOrd="1" destOrd="0" parTransId="{C7721637-3B97-0B4A-9552-DE9E9F17F71A}" sibTransId="{5F20E386-08A3-D64C-A888-A342529F45C4}"/>
    <dgm:cxn modelId="{AAE597B5-1635-E24F-B15A-93CD75B77B1E}" type="presOf" srcId="{D60A2DCF-AEF5-8F4F-BCF7-C0C12E1A9B33}" destId="{BA486E6C-C378-0444-8824-1A97A213FC67}" srcOrd="0" destOrd="5" presId="urn:microsoft.com/office/officeart/2005/8/layout/process3"/>
    <dgm:cxn modelId="{0A3394BA-2F84-D946-8D45-ADB6450CE63B}" srcId="{AB588F7C-07C1-AE4C-A78D-9C747CC34D75}" destId="{2C239922-AB20-074F-AFC3-F5BA37DE7BFA}" srcOrd="2" destOrd="0" parTransId="{7E67376C-4949-2841-9A23-D0FED1D150DA}" sibTransId="{F59B70B3-15B7-A144-830C-15B26413B478}"/>
    <dgm:cxn modelId="{616879BB-A158-EA4D-BC86-84A14F8340BF}" type="presOf" srcId="{8D620831-E1DF-F941-A9A9-FEC87CCA3EA1}" destId="{7D95476B-35B9-E244-9198-7E73FD0369A4}" srcOrd="0" destOrd="0" presId="urn:microsoft.com/office/officeart/2005/8/layout/process3"/>
    <dgm:cxn modelId="{786F17C6-5125-404F-AA2F-5574ABAC7976}" type="presOf" srcId="{63B96410-B631-F440-82A5-9EEC8E91C5C7}" destId="{C800DB87-299D-4E4E-9785-4B4F6C8805C6}" srcOrd="0" destOrd="0" presId="urn:microsoft.com/office/officeart/2005/8/layout/process3"/>
    <dgm:cxn modelId="{154DDBC6-334E-694A-9C86-77339CC6ABB9}" srcId="{AB588F7C-07C1-AE4C-A78D-9C747CC34D75}" destId="{916709E7-2919-AF4C-B220-FAD69D395546}" srcOrd="4" destOrd="0" parTransId="{2675D7F6-71B0-284D-B138-9AED3F28AAB1}" sibTransId="{A0585C27-D1F3-014C-8EA9-B7DBBA696DA9}"/>
    <dgm:cxn modelId="{493184C8-D2BE-4A40-83FE-EDDA72BA8F52}" type="presOf" srcId="{CB3DFB0F-AA2C-FF46-9993-4341C3B202DD}" destId="{BA486E6C-C378-0444-8824-1A97A213FC67}" srcOrd="0" destOrd="4" presId="urn:microsoft.com/office/officeart/2005/8/layout/process3"/>
    <dgm:cxn modelId="{B387E7CB-E49F-0941-A837-7204DEC66C2E}" srcId="{2CAF55B9-E8EE-0848-B214-9563D098CA70}" destId="{63B96410-B631-F440-82A5-9EEC8E91C5C7}" srcOrd="0" destOrd="0" parTransId="{CBBA5939-331C-F942-9144-7E5BAAC88B64}" sibTransId="{2A32C8A2-DD36-8C4D-8835-1CB7C3B22930}"/>
    <dgm:cxn modelId="{82FE99CC-8821-C046-97DC-2F9012B163BD}" srcId="{34AEFCEE-9D89-1647-895B-134373D8BBF1}" destId="{07CF4ADD-AC94-1948-9B12-0EF15E37FF96}" srcOrd="3" destOrd="0" parTransId="{603783D7-3624-5B40-8F23-D65DD9DD54B2}" sibTransId="{36FE7C3B-9F56-4C42-BDBD-B3B08636C0AA}"/>
    <dgm:cxn modelId="{11DB5FCD-88EF-DE4E-B758-C372BC663EE2}" srcId="{34AEFCEE-9D89-1647-895B-134373D8BBF1}" destId="{CB3DFB0F-AA2C-FF46-9993-4341C3B202DD}" srcOrd="4" destOrd="0" parTransId="{89120331-9FDE-AE46-B14F-3726FB480FC5}" sibTransId="{B3636699-9529-3344-845C-EDDD606739EC}"/>
    <dgm:cxn modelId="{BA1694D3-A855-B844-BE3E-C383DE7B802F}" srcId="{63B96410-B631-F440-82A5-9EEC8E91C5C7}" destId="{3591A5D4-C439-0C42-991D-7CF9209016ED}" srcOrd="2" destOrd="0" parTransId="{9FCF120B-580A-2C48-B657-69D3832149E0}" sibTransId="{A4167D55-E534-B946-BB23-408A306B0B15}"/>
    <dgm:cxn modelId="{A7CE24D5-912B-3342-8F70-9B08DE9217D2}" type="presOf" srcId="{AB588F7C-07C1-AE4C-A78D-9C747CC34D75}" destId="{503AB438-5811-AD4F-8ED2-B80ABD4E0DE7}" srcOrd="1" destOrd="0" presId="urn:microsoft.com/office/officeart/2005/8/layout/process3"/>
    <dgm:cxn modelId="{E1BC10D7-58B6-0143-AD25-EF248CB42415}" srcId="{AB588F7C-07C1-AE4C-A78D-9C747CC34D75}" destId="{BFD0E444-708E-9C4F-9CBD-CBA1BB8973B5}" srcOrd="5" destOrd="0" parTransId="{C6AE7858-4DDB-1041-A544-C36A9C5FC6B8}" sibTransId="{0FDF63BB-2352-D84A-973D-10615DB028E1}"/>
    <dgm:cxn modelId="{CC57A6D9-130D-BD40-8FD4-DF9876736DEF}" srcId="{AB588F7C-07C1-AE4C-A78D-9C747CC34D75}" destId="{E06318C3-0791-0D42-945A-AA0EAB8778DF}" srcOrd="6" destOrd="0" parTransId="{7A240A36-D66D-2843-9707-0859A73B81CE}" sibTransId="{0DA60B7F-3EC0-D142-8408-61BF20391A41}"/>
    <dgm:cxn modelId="{499672DA-8C8B-F74A-A97E-9E70A3788446}" srcId="{787BE49D-A9F7-954D-A8F6-CED2FD91AC98}" destId="{52BA6DB6-5ABB-AB4B-939C-F92A9F481293}" srcOrd="0" destOrd="0" parTransId="{C354CFF4-A9AD-DF4F-8B73-EB24580D8A82}" sibTransId="{4A9A40C2-D162-BF40-8BC0-5021EB125C48}"/>
    <dgm:cxn modelId="{ADACD8DB-F59B-6C44-91B3-DA6963183EB6}" type="presOf" srcId="{63B96410-B631-F440-82A5-9EEC8E91C5C7}" destId="{FE25B442-E29A-C940-BDA9-292D1419F320}" srcOrd="1" destOrd="0" presId="urn:microsoft.com/office/officeart/2005/8/layout/process3"/>
    <dgm:cxn modelId="{9F1D8CE3-AD99-EC43-AABF-6151740998C7}" type="presOf" srcId="{23E2BFC7-16C0-3D45-80B6-46A435FC3E44}" destId="{73224CB2-1D1E-CA4E-8AC8-3DAC6A769D2C}" srcOrd="0" destOrd="8" presId="urn:microsoft.com/office/officeart/2005/8/layout/process3"/>
    <dgm:cxn modelId="{7E5F90E3-5E33-194B-87B4-D49D335E8F0B}" type="presOf" srcId="{2CAF55B9-E8EE-0848-B214-9563D098CA70}" destId="{D65EAD4A-576C-3740-9351-7EAC710CC31E}" srcOrd="0" destOrd="0" presId="urn:microsoft.com/office/officeart/2005/8/layout/process3"/>
    <dgm:cxn modelId="{51E75FEC-64EA-CD46-B880-68631ECF7229}" srcId="{63B96410-B631-F440-82A5-9EEC8E91C5C7}" destId="{8D620831-E1DF-F941-A9A9-FEC87CCA3EA1}" srcOrd="0" destOrd="0" parTransId="{F23D648F-DAC2-604C-A200-7074F9F3A10C}" sibTransId="{BA58A8E5-94CE-6847-99D8-475CDE7E4F17}"/>
    <dgm:cxn modelId="{9E93A3EE-91C8-BD4E-9EC2-567F26CEE4B2}" type="presOf" srcId="{4CA227B2-6BFB-C543-8F5B-646043403161}" destId="{BA486E6C-C378-0444-8824-1A97A213FC67}" srcOrd="0" destOrd="0" presId="urn:microsoft.com/office/officeart/2005/8/layout/process3"/>
    <dgm:cxn modelId="{224E56EF-792F-A643-A82D-9BBC1F8EF75F}" srcId="{63B96410-B631-F440-82A5-9EEC8E91C5C7}" destId="{341598F3-0501-A04A-93EA-EA03AB12AAB8}" srcOrd="10" destOrd="0" parTransId="{30F30A40-DA1E-BB47-BC2E-9BCDD090406E}" sibTransId="{CAF31C53-4DBE-CB49-90C7-8BCF25137559}"/>
    <dgm:cxn modelId="{D7D065F1-D74E-C841-8D46-759DDC17A8B0}" type="presOf" srcId="{AA9137B0-A8B6-1C4A-8813-6F5D6D088864}" destId="{7D95476B-35B9-E244-9198-7E73FD0369A4}" srcOrd="0" destOrd="5" presId="urn:microsoft.com/office/officeart/2005/8/layout/process3"/>
    <dgm:cxn modelId="{4350DCF1-889A-DF4C-AFDE-6106FA505BC1}" srcId="{2CAF55B9-E8EE-0848-B214-9563D098CA70}" destId="{34AEFCEE-9D89-1647-895B-134373D8BBF1}" srcOrd="2" destOrd="0" parTransId="{26F683E6-D50F-E446-A036-E5A3E1230CBA}" sibTransId="{E8B25760-8274-FA48-A36A-7F55B35BC352}"/>
    <dgm:cxn modelId="{DB6EF8F1-326A-3545-8A2A-D97C7E0CC6C7}" type="presOf" srcId="{13B7A5DD-97EA-624A-A9F6-B1173D97B457}" destId="{05C6AF1A-E125-5143-8831-7BA3330E034C}" srcOrd="0" destOrd="0" presId="urn:microsoft.com/office/officeart/2005/8/layout/process3"/>
    <dgm:cxn modelId="{123F35F2-A270-3746-8806-C286BE787EC9}" type="presOf" srcId="{4B91B01C-8789-A647-A672-4A7543BD129E}" destId="{7D95476B-35B9-E244-9198-7E73FD0369A4}" srcOrd="0" destOrd="8" presId="urn:microsoft.com/office/officeart/2005/8/layout/process3"/>
    <dgm:cxn modelId="{794422F3-C562-C845-80E8-855ED8C81372}" type="presOf" srcId="{4EE865B8-8DBF-914E-9EAE-6CE358D75E54}" destId="{7D95476B-35B9-E244-9198-7E73FD0369A4}" srcOrd="0" destOrd="10" presId="urn:microsoft.com/office/officeart/2005/8/layout/process3"/>
    <dgm:cxn modelId="{AECAD6FC-C35A-D44F-B7F8-9D2C30553983}" type="presOf" srcId="{BFD0E444-708E-9C4F-9CBD-CBA1BB8973B5}" destId="{73224CB2-1D1E-CA4E-8AC8-3DAC6A769D2C}" srcOrd="0" destOrd="6" presId="urn:microsoft.com/office/officeart/2005/8/layout/process3"/>
    <dgm:cxn modelId="{104F8CE9-B724-EE41-ACCA-5683B80DADE5}" type="presParOf" srcId="{D65EAD4A-576C-3740-9351-7EAC710CC31E}" destId="{801F1FC1-6412-D446-BC9E-16178B6CEFD7}" srcOrd="0" destOrd="0" presId="urn:microsoft.com/office/officeart/2005/8/layout/process3"/>
    <dgm:cxn modelId="{80313CB4-0BB7-1144-9BC9-122995F935FC}" type="presParOf" srcId="{801F1FC1-6412-D446-BC9E-16178B6CEFD7}" destId="{C800DB87-299D-4E4E-9785-4B4F6C8805C6}" srcOrd="0" destOrd="0" presId="urn:microsoft.com/office/officeart/2005/8/layout/process3"/>
    <dgm:cxn modelId="{BD1E41C8-1ECA-534D-9575-98EFA5955C59}" type="presParOf" srcId="{801F1FC1-6412-D446-BC9E-16178B6CEFD7}" destId="{FE25B442-E29A-C940-BDA9-292D1419F320}" srcOrd="1" destOrd="0" presId="urn:microsoft.com/office/officeart/2005/8/layout/process3"/>
    <dgm:cxn modelId="{69F6AA11-C6F1-944A-A815-D3FFAFAD40E8}" type="presParOf" srcId="{801F1FC1-6412-D446-BC9E-16178B6CEFD7}" destId="{7D95476B-35B9-E244-9198-7E73FD0369A4}" srcOrd="2" destOrd="0" presId="urn:microsoft.com/office/officeart/2005/8/layout/process3"/>
    <dgm:cxn modelId="{472F80A6-9B72-1649-949D-D840726BF342}" type="presParOf" srcId="{D65EAD4A-576C-3740-9351-7EAC710CC31E}" destId="{C1902682-6B7A-FB40-B47F-0422C1D01724}" srcOrd="1" destOrd="0" presId="urn:microsoft.com/office/officeart/2005/8/layout/process3"/>
    <dgm:cxn modelId="{628D373D-8920-5646-ABB7-A71D35385217}" type="presParOf" srcId="{C1902682-6B7A-FB40-B47F-0422C1D01724}" destId="{5E3840EB-D4AF-5E42-9300-1B4374A037FB}" srcOrd="0" destOrd="0" presId="urn:microsoft.com/office/officeart/2005/8/layout/process3"/>
    <dgm:cxn modelId="{D33AA7E3-21D9-A54C-9DDF-EE73800B604C}" type="presParOf" srcId="{D65EAD4A-576C-3740-9351-7EAC710CC31E}" destId="{F8C6975E-D35A-6341-8183-45FE5380FD6F}" srcOrd="2" destOrd="0" presId="urn:microsoft.com/office/officeart/2005/8/layout/process3"/>
    <dgm:cxn modelId="{59CC2B38-60AF-CA47-B578-1D092EF22AA3}" type="presParOf" srcId="{F8C6975E-D35A-6341-8183-45FE5380FD6F}" destId="{F922EE73-01CB-FF4F-B357-7CD31BAB2DAF}" srcOrd="0" destOrd="0" presId="urn:microsoft.com/office/officeart/2005/8/layout/process3"/>
    <dgm:cxn modelId="{0EDD6037-3459-A74E-8448-FBF06500022C}" type="presParOf" srcId="{F8C6975E-D35A-6341-8183-45FE5380FD6F}" destId="{503AB438-5811-AD4F-8ED2-B80ABD4E0DE7}" srcOrd="1" destOrd="0" presId="urn:microsoft.com/office/officeart/2005/8/layout/process3"/>
    <dgm:cxn modelId="{E7AE287F-B163-244A-A200-EC1C86AABDAB}" type="presParOf" srcId="{F8C6975E-D35A-6341-8183-45FE5380FD6F}" destId="{73224CB2-1D1E-CA4E-8AC8-3DAC6A769D2C}" srcOrd="2" destOrd="0" presId="urn:microsoft.com/office/officeart/2005/8/layout/process3"/>
    <dgm:cxn modelId="{8E428EE3-6E9C-664F-B98A-852FFF7AE9B6}" type="presParOf" srcId="{D65EAD4A-576C-3740-9351-7EAC710CC31E}" destId="{05C6AF1A-E125-5143-8831-7BA3330E034C}" srcOrd="3" destOrd="0" presId="urn:microsoft.com/office/officeart/2005/8/layout/process3"/>
    <dgm:cxn modelId="{903CBED3-A500-1748-8A75-4191EE262AFD}" type="presParOf" srcId="{05C6AF1A-E125-5143-8831-7BA3330E034C}" destId="{5F9E659B-4F76-D940-B983-C99170B27651}" srcOrd="0" destOrd="0" presId="urn:microsoft.com/office/officeart/2005/8/layout/process3"/>
    <dgm:cxn modelId="{B4DB8833-08FC-8947-926E-82C2BC3264E4}" type="presParOf" srcId="{D65EAD4A-576C-3740-9351-7EAC710CC31E}" destId="{BB91C0C7-F4F6-7E41-91FF-11B25AF419AC}" srcOrd="4" destOrd="0" presId="urn:microsoft.com/office/officeart/2005/8/layout/process3"/>
    <dgm:cxn modelId="{82618A06-E740-C648-B0DB-F34A50079351}" type="presParOf" srcId="{BB91C0C7-F4F6-7E41-91FF-11B25AF419AC}" destId="{767B81ED-A687-F546-9916-B9D86C9A3A15}" srcOrd="0" destOrd="0" presId="urn:microsoft.com/office/officeart/2005/8/layout/process3"/>
    <dgm:cxn modelId="{73C67A52-8DA1-7343-B2AF-D3EEAF91D8E5}" type="presParOf" srcId="{BB91C0C7-F4F6-7E41-91FF-11B25AF419AC}" destId="{814E2444-D15B-A94E-B43E-6B6FA25FEE5E}" srcOrd="1" destOrd="0" presId="urn:microsoft.com/office/officeart/2005/8/layout/process3"/>
    <dgm:cxn modelId="{03EFFBCC-9CCB-6046-911D-F853786357A4}" type="presParOf" srcId="{BB91C0C7-F4F6-7E41-91FF-11B25AF419AC}" destId="{BA486E6C-C378-0444-8824-1A97A213FC67}" srcOrd="2" destOrd="0" presId="urn:microsoft.com/office/officeart/2005/8/layout/process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E25B442-E29A-C940-BDA9-292D1419F320}">
      <dsp:nvSpPr>
        <dsp:cNvPr id="0" name=""/>
        <dsp:cNvSpPr/>
      </dsp:nvSpPr>
      <dsp:spPr>
        <a:xfrm>
          <a:off x="11280" y="-216445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Installation</a:t>
          </a:r>
        </a:p>
      </dsp:txBody>
      <dsp:txXfrm>
        <a:off x="11280" y="-216445"/>
        <a:ext cx="1792605" cy="448801"/>
      </dsp:txXfrm>
    </dsp:sp>
    <dsp:sp modelId="{7D95476B-35B9-E244-9198-7E73FD0369A4}">
      <dsp:nvSpPr>
        <dsp:cNvPr id="0" name=""/>
        <dsp:cNvSpPr/>
      </dsp:nvSpPr>
      <dsp:spPr>
        <a:xfrm>
          <a:off x="232906" y="185988"/>
          <a:ext cx="2082362" cy="487151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In-Kind Model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ady for Installation Dates (RFI)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ome contractual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Others “best estimate”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 err="1"/>
            <a:t>Optimised</a:t>
          </a:r>
          <a:r>
            <a:rPr lang="en-US" sz="1300" b="1" kern="1200" dirty="0"/>
            <a:t> Sequence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Logic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/>
            <a:t>Safety</a:t>
          </a:r>
          <a:endParaRPr lang="en-US" sz="1300" kern="1200" dirty="0"/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/>
            <a:t>Flexibility</a:t>
          </a: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Parallel Installation and Commissioning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hielding Wall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Demanding Schedule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oordinated Installation of Utilities/Servic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No Internal Float</a:t>
          </a:r>
        </a:p>
      </dsp:txBody>
      <dsp:txXfrm>
        <a:off x="293896" y="246978"/>
        <a:ext cx="1960382" cy="4749537"/>
      </dsp:txXfrm>
    </dsp:sp>
    <dsp:sp modelId="{C1902682-6B7A-FB40-B47F-0422C1D01724}">
      <dsp:nvSpPr>
        <dsp:cNvPr id="0" name=""/>
        <dsp:cNvSpPr/>
      </dsp:nvSpPr>
      <dsp:spPr>
        <a:xfrm rot="21597766">
          <a:off x="2111518" y="-215975"/>
          <a:ext cx="652180" cy="445871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00" kern="1200"/>
        </a:p>
      </dsp:txBody>
      <dsp:txXfrm>
        <a:off x="2111518" y="-126758"/>
        <a:ext cx="518419" cy="267523"/>
      </dsp:txXfrm>
    </dsp:sp>
    <dsp:sp modelId="{503AB438-5811-AD4F-8ED2-B80ABD4E0DE7}">
      <dsp:nvSpPr>
        <dsp:cNvPr id="0" name=""/>
        <dsp:cNvSpPr/>
      </dsp:nvSpPr>
      <dsp:spPr>
        <a:xfrm>
          <a:off x="3034415" y="-218410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Testing</a:t>
          </a:r>
        </a:p>
      </dsp:txBody>
      <dsp:txXfrm>
        <a:off x="3034415" y="-218410"/>
        <a:ext cx="1792605" cy="448801"/>
      </dsp:txXfrm>
    </dsp:sp>
    <dsp:sp modelId="{73224CB2-1D1E-CA4E-8AC8-3DAC6A769D2C}">
      <dsp:nvSpPr>
        <dsp:cNvPr id="0" name=""/>
        <dsp:cNvSpPr/>
      </dsp:nvSpPr>
      <dsp:spPr>
        <a:xfrm>
          <a:off x="3254383" y="191067"/>
          <a:ext cx="2085679" cy="487156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alistic time allocation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levant Permit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0" kern="1200" dirty="0"/>
            <a:t>SSM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Safety Measur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orrect Gateway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uitable Reviews</a:t>
          </a:r>
        </a:p>
      </dsp:txBody>
      <dsp:txXfrm>
        <a:off x="3315470" y="252154"/>
        <a:ext cx="1963505" cy="4749391"/>
      </dsp:txXfrm>
    </dsp:sp>
    <dsp:sp modelId="{05C6AF1A-E125-5143-8831-7BA3330E034C}">
      <dsp:nvSpPr>
        <dsp:cNvPr id="0" name=""/>
        <dsp:cNvSpPr/>
      </dsp:nvSpPr>
      <dsp:spPr>
        <a:xfrm rot="21593220">
          <a:off x="5135068" y="-219964"/>
          <a:ext cx="653060" cy="445871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00" kern="1200"/>
        </a:p>
      </dsp:txBody>
      <dsp:txXfrm>
        <a:off x="5135068" y="-130658"/>
        <a:ext cx="519299" cy="267523"/>
      </dsp:txXfrm>
    </dsp:sp>
    <dsp:sp modelId="{814E2444-D15B-A94E-B43E-6B6FA25FEE5E}">
      <dsp:nvSpPr>
        <dsp:cNvPr id="0" name=""/>
        <dsp:cNvSpPr/>
      </dsp:nvSpPr>
      <dsp:spPr>
        <a:xfrm>
          <a:off x="6059209" y="-224376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Commissioning</a:t>
          </a:r>
        </a:p>
      </dsp:txBody>
      <dsp:txXfrm>
        <a:off x="6059209" y="-224376"/>
        <a:ext cx="1792605" cy="448801"/>
      </dsp:txXfrm>
    </dsp:sp>
    <dsp:sp modelId="{BA486E6C-C378-0444-8824-1A97A213FC67}">
      <dsp:nvSpPr>
        <dsp:cNvPr id="0" name=""/>
        <dsp:cNvSpPr/>
      </dsp:nvSpPr>
      <dsp:spPr>
        <a:xfrm>
          <a:off x="6343935" y="191055"/>
          <a:ext cx="1792605" cy="487151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Hardware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Beam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Key Dependencie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0" kern="1200" dirty="0"/>
            <a:t>Other Divisions</a:t>
          </a: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ritical Parameters</a:t>
          </a:r>
        </a:p>
      </dsp:txBody>
      <dsp:txXfrm>
        <a:off x="6396439" y="243559"/>
        <a:ext cx="1687597" cy="476650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3">
  <dgm:title val=""/>
  <dgm:desc val=""/>
  <dgm:catLst>
    <dgm:cat type="process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3" destOrd="0"/>
        <dgm:cxn modelId="12" srcId="1" destId="11" srcOrd="0" destOrd="0"/>
        <dgm:cxn modelId="23" srcId="2" destId="21" srcOrd="0" destOrd="0"/>
        <dgm:cxn modelId="34" srcId="3" destId="31" srcOrd="0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" refType="w"/>
      <dgm:constr type="w" for="ch" ptType="sibTrans" refType="w" refFor="ch" refForName="composite" fact="0.3333"/>
      <dgm:constr type="w" for="des" forName="parTx"/>
      <dgm:constr type="h" for="des" forName="parTx" op="equ"/>
      <dgm:constr type="h" for="des" forName="parSh" op="equ"/>
      <dgm:constr type="w" for="des" forName="desTx"/>
      <dgm:constr type="h" for="des" forName="desTx" op="equ"/>
      <dgm:constr type="w" for="des" forName="parSh"/>
      <dgm:constr type="primFontSz" for="des" forName="parTx" val="65"/>
      <dgm:constr type="secFontSz" for="des" forName="desTx" refType="primFontSz" refFor="des" refForName="parTx" op="equ"/>
      <dgm:constr type="primFontSz" for="des" forName="connTx" refType="primFontSz" refFor="des" refForName="parTx" fact="0.8"/>
      <dgm:constr type="primFontSz" for="des" forName="connTx" refType="primFontSz" refFor="des" refForName="parTx" op="lte" fact="0.8"/>
      <dgm:constr type="h" for="des" forName="parTx" refType="primFontSz" refFor="des" refForName="parTx" fact="0.8"/>
      <dgm:constr type="h" for="des" forName="parSh" refType="primFontSz" refFor="des" refForName="parTx" fact="1.2"/>
      <dgm:constr type="h" for="des" forName="desTx" refType="primFontSz" refFor="des" refForName="parTx" fact="1.6"/>
      <dgm:constr type="h" for="des" forName="parSh" refType="h" refFor="des" refForName="parTx" op="lte" fact="1.5"/>
      <dgm:constr type="h" for="des" forName="parSh" refType="h" refFor="des" refForName="parTx" op="gte" fact="1.5"/>
    </dgm:constrLst>
    <dgm:ruleLst>
      <dgm:rule type="w" for="ch" forName="composite" val="0" fact="NaN" max="NaN"/>
      <dgm:rule type="primFontSz" for="des" forName="parTx" val="5" fact="NaN" max="NaN"/>
    </dgm:ruleLst>
    <dgm:forEach name="Name3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func="var" arg="dir" op="equ" val="norm">
            <dgm:constrLst>
              <dgm:constr type="h" refType="w" fact="1000"/>
              <dgm:constr type="l" for="ch" forName="parTx"/>
              <dgm:constr type="w" for="ch" forName="parTx" refType="w" fact="0.83"/>
              <dgm:constr type="t" for="ch" forName="parTx"/>
              <dgm:constr type="l" for="ch" forName="parSh"/>
              <dgm:constr type="w" for="ch" forName="parSh" refType="w" refFor="ch" refForName="parTx"/>
              <dgm:constr type="t" for="ch" forName="parSh"/>
              <dgm:constr type="l" for="ch" forName="desTx" refType="w" fact="0.17"/>
              <dgm:constr type="w" for="ch" forName="desTx" refType="w" refFor="ch" refForName="parTx"/>
              <dgm:constr type="t" for="ch" forName="desTx" refType="h" refFor="ch" refForName="parTx"/>
            </dgm:constrLst>
          </dgm:if>
          <dgm:else name="Name6">
            <dgm:constrLst>
              <dgm:constr type="h" refType="w" fact="1000"/>
              <dgm:constr type="l" for="ch" forName="parTx" refType="w" fact="0.17"/>
              <dgm:constr type="w" for="ch" forName="parTx" refType="w" fact="0.83"/>
              <dgm:constr type="t" for="ch" forName="parTx"/>
              <dgm:constr type="l" for="ch" forName="parSh" refType="w" fact="0.15"/>
              <dgm:constr type="w" for="ch" forName="parSh" refType="w" refFor="ch" refForName="parTx"/>
              <dgm:constr type="t" for="ch" forName="parSh"/>
              <dgm:constr type="l" for="ch" forName="desTx"/>
              <dgm:constr type="w" for="ch" forName="desTx" refType="w" refFor="ch" refForName="parTx"/>
              <dgm:constr type="t" for="ch" forName="desTx" refType="h" refFor="ch" refForName="parTx"/>
            </dgm:constrLst>
          </dgm:else>
        </dgm:choose>
        <dgm:ruleLst>
          <dgm:rule type="h" val="INF" fact="NaN" max="NaN"/>
        </dgm:ruleLst>
        <dgm:layoutNode name="parTx">
          <dgm:varLst>
            <dgm:chMax val="0"/>
            <dgm:chPref val="0"/>
            <dgm:bulletEnabled val="1"/>
          </dgm:varLst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 zOrderOff="1" hideGeom="1">
            <dgm:adjLst>
              <dgm:adj idx="1" val="0.1"/>
            </dgm:adjLst>
          </dgm:shape>
          <dgm:presOf axis="self" ptType="node"/>
          <dgm:constrLst>
            <dgm:constr type="h" refType="w" op="lte" fact="0.4"/>
            <dgm:constr type="bMarg" refType="primFontSz" fact="0.3"/>
            <dgm:constr type="h"/>
          </dgm:constrLst>
          <dgm:ruleLst>
            <dgm:rule type="h" val="INF" fact="NaN" max="NaN"/>
          </dgm:ruleLst>
        </dgm:layoutNode>
        <dgm:layoutNode name="parSh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 ptType="node"/>
          <dgm:constrLst>
            <dgm:constr type="h"/>
          </dgm:constrLst>
          <dgm:ruleLst/>
        </dgm:layoutNode>
        <dgm:layoutNode name="desTx" styleLbl="f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Rect" r:blip="">
            <dgm:adjLst>
              <dgm:adj idx="1" val="0.1"/>
            </dgm:adjLst>
          </dgm:shape>
          <dgm:presOf axis="des" ptType="node"/>
          <dgm:constrLst>
            <dgm:constr type="secFontSz" val="65"/>
            <dgm:constr type="primFontSz" refType="secFontSz"/>
            <dgm:constr type="h"/>
          </dgm:constrLst>
          <dgm:ruleLst>
            <dgm:rule type="h" val="INF" fact="NaN" max="NaN"/>
          </dgm:ruleLst>
        </dgm:layoutNode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  <dgm:param type="srcNode" val="parTx"/>
            <dgm:param type="dstNode" val="parTx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Tx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10-03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26305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03/10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03/10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03/10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03/10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03/10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51.xml"/><Relationship Id="rId21" Type="http://schemas.openxmlformats.org/officeDocument/2006/relationships/tags" Target="../tags/tag46.xml"/><Relationship Id="rId42" Type="http://schemas.openxmlformats.org/officeDocument/2006/relationships/tags" Target="../tags/tag67.xml"/><Relationship Id="rId47" Type="http://schemas.openxmlformats.org/officeDocument/2006/relationships/tags" Target="../tags/tag72.xml"/><Relationship Id="rId63" Type="http://schemas.openxmlformats.org/officeDocument/2006/relationships/tags" Target="../tags/tag88.xml"/><Relationship Id="rId68" Type="http://schemas.openxmlformats.org/officeDocument/2006/relationships/tags" Target="../tags/tag93.xml"/><Relationship Id="rId7" Type="http://schemas.openxmlformats.org/officeDocument/2006/relationships/tags" Target="../tags/tag32.xml"/><Relationship Id="rId71" Type="http://schemas.openxmlformats.org/officeDocument/2006/relationships/tags" Target="../tags/tag96.xml"/><Relationship Id="rId2" Type="http://schemas.openxmlformats.org/officeDocument/2006/relationships/tags" Target="../tags/tag27.xml"/><Relationship Id="rId16" Type="http://schemas.openxmlformats.org/officeDocument/2006/relationships/tags" Target="../tags/tag41.xml"/><Relationship Id="rId29" Type="http://schemas.openxmlformats.org/officeDocument/2006/relationships/tags" Target="../tags/tag54.xml"/><Relationship Id="rId11" Type="http://schemas.openxmlformats.org/officeDocument/2006/relationships/tags" Target="../tags/tag36.xml"/><Relationship Id="rId24" Type="http://schemas.openxmlformats.org/officeDocument/2006/relationships/tags" Target="../tags/tag49.xml"/><Relationship Id="rId32" Type="http://schemas.openxmlformats.org/officeDocument/2006/relationships/tags" Target="../tags/tag57.xml"/><Relationship Id="rId37" Type="http://schemas.openxmlformats.org/officeDocument/2006/relationships/tags" Target="../tags/tag62.xml"/><Relationship Id="rId40" Type="http://schemas.openxmlformats.org/officeDocument/2006/relationships/tags" Target="../tags/tag65.xml"/><Relationship Id="rId45" Type="http://schemas.openxmlformats.org/officeDocument/2006/relationships/tags" Target="../tags/tag70.xml"/><Relationship Id="rId53" Type="http://schemas.openxmlformats.org/officeDocument/2006/relationships/tags" Target="../tags/tag78.xml"/><Relationship Id="rId58" Type="http://schemas.openxmlformats.org/officeDocument/2006/relationships/tags" Target="../tags/tag83.xml"/><Relationship Id="rId66" Type="http://schemas.openxmlformats.org/officeDocument/2006/relationships/tags" Target="../tags/tag91.xml"/><Relationship Id="rId5" Type="http://schemas.openxmlformats.org/officeDocument/2006/relationships/tags" Target="../tags/tag30.xml"/><Relationship Id="rId61" Type="http://schemas.openxmlformats.org/officeDocument/2006/relationships/tags" Target="../tags/tag86.xml"/><Relationship Id="rId19" Type="http://schemas.openxmlformats.org/officeDocument/2006/relationships/tags" Target="../tags/tag44.xml"/><Relationship Id="rId14" Type="http://schemas.openxmlformats.org/officeDocument/2006/relationships/tags" Target="../tags/tag39.xml"/><Relationship Id="rId22" Type="http://schemas.openxmlformats.org/officeDocument/2006/relationships/tags" Target="../tags/tag47.xml"/><Relationship Id="rId27" Type="http://schemas.openxmlformats.org/officeDocument/2006/relationships/tags" Target="../tags/tag52.xml"/><Relationship Id="rId30" Type="http://schemas.openxmlformats.org/officeDocument/2006/relationships/tags" Target="../tags/tag55.xml"/><Relationship Id="rId35" Type="http://schemas.openxmlformats.org/officeDocument/2006/relationships/tags" Target="../tags/tag60.xml"/><Relationship Id="rId43" Type="http://schemas.openxmlformats.org/officeDocument/2006/relationships/tags" Target="../tags/tag68.xml"/><Relationship Id="rId48" Type="http://schemas.openxmlformats.org/officeDocument/2006/relationships/tags" Target="../tags/tag73.xml"/><Relationship Id="rId56" Type="http://schemas.openxmlformats.org/officeDocument/2006/relationships/tags" Target="../tags/tag81.xml"/><Relationship Id="rId64" Type="http://schemas.openxmlformats.org/officeDocument/2006/relationships/tags" Target="../tags/tag89.xml"/><Relationship Id="rId69" Type="http://schemas.openxmlformats.org/officeDocument/2006/relationships/tags" Target="../tags/tag94.xml"/><Relationship Id="rId8" Type="http://schemas.openxmlformats.org/officeDocument/2006/relationships/tags" Target="../tags/tag33.xml"/><Relationship Id="rId51" Type="http://schemas.openxmlformats.org/officeDocument/2006/relationships/tags" Target="../tags/tag76.xml"/><Relationship Id="rId72" Type="http://schemas.openxmlformats.org/officeDocument/2006/relationships/slideLayout" Target="../slideLayouts/slideLayout2.xml"/><Relationship Id="rId3" Type="http://schemas.openxmlformats.org/officeDocument/2006/relationships/tags" Target="../tags/tag28.xml"/><Relationship Id="rId12" Type="http://schemas.openxmlformats.org/officeDocument/2006/relationships/tags" Target="../tags/tag37.xml"/><Relationship Id="rId17" Type="http://schemas.openxmlformats.org/officeDocument/2006/relationships/tags" Target="../tags/tag42.xml"/><Relationship Id="rId25" Type="http://schemas.openxmlformats.org/officeDocument/2006/relationships/tags" Target="../tags/tag50.xml"/><Relationship Id="rId33" Type="http://schemas.openxmlformats.org/officeDocument/2006/relationships/tags" Target="../tags/tag58.xml"/><Relationship Id="rId38" Type="http://schemas.openxmlformats.org/officeDocument/2006/relationships/tags" Target="../tags/tag63.xml"/><Relationship Id="rId46" Type="http://schemas.openxmlformats.org/officeDocument/2006/relationships/tags" Target="../tags/tag71.xml"/><Relationship Id="rId59" Type="http://schemas.openxmlformats.org/officeDocument/2006/relationships/tags" Target="../tags/tag84.xml"/><Relationship Id="rId67" Type="http://schemas.openxmlformats.org/officeDocument/2006/relationships/tags" Target="../tags/tag92.xml"/><Relationship Id="rId20" Type="http://schemas.openxmlformats.org/officeDocument/2006/relationships/tags" Target="../tags/tag45.xml"/><Relationship Id="rId41" Type="http://schemas.openxmlformats.org/officeDocument/2006/relationships/tags" Target="../tags/tag66.xml"/><Relationship Id="rId54" Type="http://schemas.openxmlformats.org/officeDocument/2006/relationships/tags" Target="../tags/tag79.xml"/><Relationship Id="rId62" Type="http://schemas.openxmlformats.org/officeDocument/2006/relationships/tags" Target="../tags/tag87.xml"/><Relationship Id="rId70" Type="http://schemas.openxmlformats.org/officeDocument/2006/relationships/tags" Target="../tags/tag95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15" Type="http://schemas.openxmlformats.org/officeDocument/2006/relationships/tags" Target="../tags/tag40.xml"/><Relationship Id="rId23" Type="http://schemas.openxmlformats.org/officeDocument/2006/relationships/tags" Target="../tags/tag48.xml"/><Relationship Id="rId28" Type="http://schemas.openxmlformats.org/officeDocument/2006/relationships/tags" Target="../tags/tag53.xml"/><Relationship Id="rId36" Type="http://schemas.openxmlformats.org/officeDocument/2006/relationships/tags" Target="../tags/tag61.xml"/><Relationship Id="rId49" Type="http://schemas.openxmlformats.org/officeDocument/2006/relationships/tags" Target="../tags/tag74.xml"/><Relationship Id="rId57" Type="http://schemas.openxmlformats.org/officeDocument/2006/relationships/tags" Target="../tags/tag82.xml"/><Relationship Id="rId10" Type="http://schemas.openxmlformats.org/officeDocument/2006/relationships/tags" Target="../tags/tag35.xml"/><Relationship Id="rId31" Type="http://schemas.openxmlformats.org/officeDocument/2006/relationships/tags" Target="../tags/tag56.xml"/><Relationship Id="rId44" Type="http://schemas.openxmlformats.org/officeDocument/2006/relationships/tags" Target="../tags/tag69.xml"/><Relationship Id="rId52" Type="http://schemas.openxmlformats.org/officeDocument/2006/relationships/tags" Target="../tags/tag77.xml"/><Relationship Id="rId60" Type="http://schemas.openxmlformats.org/officeDocument/2006/relationships/tags" Target="../tags/tag85.xml"/><Relationship Id="rId65" Type="http://schemas.openxmlformats.org/officeDocument/2006/relationships/tags" Target="../tags/tag90.xml"/><Relationship Id="rId4" Type="http://schemas.openxmlformats.org/officeDocument/2006/relationships/tags" Target="../tags/tag29.xml"/><Relationship Id="rId9" Type="http://schemas.openxmlformats.org/officeDocument/2006/relationships/tags" Target="../tags/tag34.xml"/><Relationship Id="rId13" Type="http://schemas.openxmlformats.org/officeDocument/2006/relationships/tags" Target="../tags/tag38.xml"/><Relationship Id="rId18" Type="http://schemas.openxmlformats.org/officeDocument/2006/relationships/tags" Target="../tags/tag43.xml"/><Relationship Id="rId39" Type="http://schemas.openxmlformats.org/officeDocument/2006/relationships/tags" Target="../tags/tag64.xml"/><Relationship Id="rId34" Type="http://schemas.openxmlformats.org/officeDocument/2006/relationships/tags" Target="../tags/tag59.xml"/><Relationship Id="rId50" Type="http://schemas.openxmlformats.org/officeDocument/2006/relationships/tags" Target="../tags/tag75.xml"/><Relationship Id="rId55" Type="http://schemas.openxmlformats.org/officeDocument/2006/relationships/tags" Target="../tags/tag8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09.xml"/><Relationship Id="rId18" Type="http://schemas.openxmlformats.org/officeDocument/2006/relationships/tags" Target="../tags/tag114.xml"/><Relationship Id="rId26" Type="http://schemas.openxmlformats.org/officeDocument/2006/relationships/tags" Target="../tags/tag122.xml"/><Relationship Id="rId39" Type="http://schemas.openxmlformats.org/officeDocument/2006/relationships/tags" Target="../tags/tag135.xml"/><Relationship Id="rId21" Type="http://schemas.openxmlformats.org/officeDocument/2006/relationships/tags" Target="../tags/tag117.xml"/><Relationship Id="rId34" Type="http://schemas.openxmlformats.org/officeDocument/2006/relationships/tags" Target="../tags/tag130.xml"/><Relationship Id="rId7" Type="http://schemas.openxmlformats.org/officeDocument/2006/relationships/tags" Target="../tags/tag103.xml"/><Relationship Id="rId2" Type="http://schemas.openxmlformats.org/officeDocument/2006/relationships/tags" Target="../tags/tag98.xml"/><Relationship Id="rId16" Type="http://schemas.openxmlformats.org/officeDocument/2006/relationships/tags" Target="../tags/tag112.xml"/><Relationship Id="rId20" Type="http://schemas.openxmlformats.org/officeDocument/2006/relationships/tags" Target="../tags/tag116.xml"/><Relationship Id="rId29" Type="http://schemas.openxmlformats.org/officeDocument/2006/relationships/tags" Target="../tags/tag125.xml"/><Relationship Id="rId41" Type="http://schemas.openxmlformats.org/officeDocument/2006/relationships/slideLayout" Target="../slideLayouts/slideLayout2.xml"/><Relationship Id="rId1" Type="http://schemas.openxmlformats.org/officeDocument/2006/relationships/tags" Target="../tags/tag97.xml"/><Relationship Id="rId6" Type="http://schemas.openxmlformats.org/officeDocument/2006/relationships/tags" Target="../tags/tag102.xml"/><Relationship Id="rId11" Type="http://schemas.openxmlformats.org/officeDocument/2006/relationships/tags" Target="../tags/tag107.xml"/><Relationship Id="rId24" Type="http://schemas.openxmlformats.org/officeDocument/2006/relationships/tags" Target="../tags/tag120.xml"/><Relationship Id="rId32" Type="http://schemas.openxmlformats.org/officeDocument/2006/relationships/tags" Target="../tags/tag128.xml"/><Relationship Id="rId37" Type="http://schemas.openxmlformats.org/officeDocument/2006/relationships/tags" Target="../tags/tag133.xml"/><Relationship Id="rId40" Type="http://schemas.openxmlformats.org/officeDocument/2006/relationships/tags" Target="../tags/tag136.xml"/><Relationship Id="rId5" Type="http://schemas.openxmlformats.org/officeDocument/2006/relationships/tags" Target="../tags/tag101.xml"/><Relationship Id="rId15" Type="http://schemas.openxmlformats.org/officeDocument/2006/relationships/tags" Target="../tags/tag111.xml"/><Relationship Id="rId23" Type="http://schemas.openxmlformats.org/officeDocument/2006/relationships/tags" Target="../tags/tag119.xml"/><Relationship Id="rId28" Type="http://schemas.openxmlformats.org/officeDocument/2006/relationships/tags" Target="../tags/tag124.xml"/><Relationship Id="rId36" Type="http://schemas.openxmlformats.org/officeDocument/2006/relationships/tags" Target="../tags/tag132.xml"/><Relationship Id="rId10" Type="http://schemas.openxmlformats.org/officeDocument/2006/relationships/tags" Target="../tags/tag106.xml"/><Relationship Id="rId19" Type="http://schemas.openxmlformats.org/officeDocument/2006/relationships/tags" Target="../tags/tag115.xml"/><Relationship Id="rId31" Type="http://schemas.openxmlformats.org/officeDocument/2006/relationships/tags" Target="../tags/tag127.xml"/><Relationship Id="rId4" Type="http://schemas.openxmlformats.org/officeDocument/2006/relationships/tags" Target="../tags/tag100.xml"/><Relationship Id="rId9" Type="http://schemas.openxmlformats.org/officeDocument/2006/relationships/tags" Target="../tags/tag105.xml"/><Relationship Id="rId14" Type="http://schemas.openxmlformats.org/officeDocument/2006/relationships/tags" Target="../tags/tag110.xml"/><Relationship Id="rId22" Type="http://schemas.openxmlformats.org/officeDocument/2006/relationships/tags" Target="../tags/tag118.xml"/><Relationship Id="rId27" Type="http://schemas.openxmlformats.org/officeDocument/2006/relationships/tags" Target="../tags/tag123.xml"/><Relationship Id="rId30" Type="http://schemas.openxmlformats.org/officeDocument/2006/relationships/tags" Target="../tags/tag126.xml"/><Relationship Id="rId35" Type="http://schemas.openxmlformats.org/officeDocument/2006/relationships/tags" Target="../tags/tag131.xml"/><Relationship Id="rId8" Type="http://schemas.openxmlformats.org/officeDocument/2006/relationships/tags" Target="../tags/tag104.xml"/><Relationship Id="rId3" Type="http://schemas.openxmlformats.org/officeDocument/2006/relationships/tags" Target="../tags/tag99.xml"/><Relationship Id="rId12" Type="http://schemas.openxmlformats.org/officeDocument/2006/relationships/tags" Target="../tags/tag108.xml"/><Relationship Id="rId17" Type="http://schemas.openxmlformats.org/officeDocument/2006/relationships/tags" Target="../tags/tag113.xml"/><Relationship Id="rId25" Type="http://schemas.openxmlformats.org/officeDocument/2006/relationships/tags" Target="../tags/tag121.xml"/><Relationship Id="rId33" Type="http://schemas.openxmlformats.org/officeDocument/2006/relationships/tags" Target="../tags/tag129.xml"/><Relationship Id="rId38" Type="http://schemas.openxmlformats.org/officeDocument/2006/relationships/tags" Target="../tags/tag134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49.xml"/><Relationship Id="rId18" Type="http://schemas.openxmlformats.org/officeDocument/2006/relationships/tags" Target="../tags/tag154.xml"/><Relationship Id="rId26" Type="http://schemas.openxmlformats.org/officeDocument/2006/relationships/tags" Target="../tags/tag162.xml"/><Relationship Id="rId39" Type="http://schemas.openxmlformats.org/officeDocument/2006/relationships/tags" Target="../tags/tag175.xml"/><Relationship Id="rId21" Type="http://schemas.openxmlformats.org/officeDocument/2006/relationships/tags" Target="../tags/tag157.xml"/><Relationship Id="rId34" Type="http://schemas.openxmlformats.org/officeDocument/2006/relationships/tags" Target="../tags/tag170.xml"/><Relationship Id="rId42" Type="http://schemas.openxmlformats.org/officeDocument/2006/relationships/tags" Target="../tags/tag178.xml"/><Relationship Id="rId7" Type="http://schemas.openxmlformats.org/officeDocument/2006/relationships/tags" Target="../tags/tag143.xml"/><Relationship Id="rId2" Type="http://schemas.openxmlformats.org/officeDocument/2006/relationships/tags" Target="../tags/tag138.xml"/><Relationship Id="rId16" Type="http://schemas.openxmlformats.org/officeDocument/2006/relationships/tags" Target="../tags/tag152.xml"/><Relationship Id="rId20" Type="http://schemas.openxmlformats.org/officeDocument/2006/relationships/tags" Target="../tags/tag156.xml"/><Relationship Id="rId29" Type="http://schemas.openxmlformats.org/officeDocument/2006/relationships/tags" Target="../tags/tag165.xml"/><Relationship Id="rId41" Type="http://schemas.openxmlformats.org/officeDocument/2006/relationships/tags" Target="../tags/tag177.xml"/><Relationship Id="rId1" Type="http://schemas.openxmlformats.org/officeDocument/2006/relationships/tags" Target="../tags/tag137.xml"/><Relationship Id="rId6" Type="http://schemas.openxmlformats.org/officeDocument/2006/relationships/tags" Target="../tags/tag142.xml"/><Relationship Id="rId11" Type="http://schemas.openxmlformats.org/officeDocument/2006/relationships/tags" Target="../tags/tag147.xml"/><Relationship Id="rId24" Type="http://schemas.openxmlformats.org/officeDocument/2006/relationships/tags" Target="../tags/tag160.xml"/><Relationship Id="rId32" Type="http://schemas.openxmlformats.org/officeDocument/2006/relationships/tags" Target="../tags/tag168.xml"/><Relationship Id="rId37" Type="http://schemas.openxmlformats.org/officeDocument/2006/relationships/tags" Target="../tags/tag173.xml"/><Relationship Id="rId40" Type="http://schemas.openxmlformats.org/officeDocument/2006/relationships/tags" Target="../tags/tag176.xml"/><Relationship Id="rId5" Type="http://schemas.openxmlformats.org/officeDocument/2006/relationships/tags" Target="../tags/tag141.xml"/><Relationship Id="rId15" Type="http://schemas.openxmlformats.org/officeDocument/2006/relationships/tags" Target="../tags/tag151.xml"/><Relationship Id="rId23" Type="http://schemas.openxmlformats.org/officeDocument/2006/relationships/tags" Target="../tags/tag159.xml"/><Relationship Id="rId28" Type="http://schemas.openxmlformats.org/officeDocument/2006/relationships/tags" Target="../tags/tag164.xml"/><Relationship Id="rId36" Type="http://schemas.openxmlformats.org/officeDocument/2006/relationships/tags" Target="../tags/tag172.xml"/><Relationship Id="rId10" Type="http://schemas.openxmlformats.org/officeDocument/2006/relationships/tags" Target="../tags/tag146.xml"/><Relationship Id="rId19" Type="http://schemas.openxmlformats.org/officeDocument/2006/relationships/tags" Target="../tags/tag155.xml"/><Relationship Id="rId31" Type="http://schemas.openxmlformats.org/officeDocument/2006/relationships/tags" Target="../tags/tag167.xml"/><Relationship Id="rId44" Type="http://schemas.openxmlformats.org/officeDocument/2006/relationships/slideLayout" Target="../slideLayouts/slideLayout2.xml"/><Relationship Id="rId4" Type="http://schemas.openxmlformats.org/officeDocument/2006/relationships/tags" Target="../tags/tag140.xml"/><Relationship Id="rId9" Type="http://schemas.openxmlformats.org/officeDocument/2006/relationships/tags" Target="../tags/tag145.xml"/><Relationship Id="rId14" Type="http://schemas.openxmlformats.org/officeDocument/2006/relationships/tags" Target="../tags/tag150.xml"/><Relationship Id="rId22" Type="http://schemas.openxmlformats.org/officeDocument/2006/relationships/tags" Target="../tags/tag158.xml"/><Relationship Id="rId27" Type="http://schemas.openxmlformats.org/officeDocument/2006/relationships/tags" Target="../tags/tag163.xml"/><Relationship Id="rId30" Type="http://schemas.openxmlformats.org/officeDocument/2006/relationships/tags" Target="../tags/tag166.xml"/><Relationship Id="rId35" Type="http://schemas.openxmlformats.org/officeDocument/2006/relationships/tags" Target="../tags/tag171.xml"/><Relationship Id="rId43" Type="http://schemas.openxmlformats.org/officeDocument/2006/relationships/tags" Target="../tags/tag179.xml"/><Relationship Id="rId8" Type="http://schemas.openxmlformats.org/officeDocument/2006/relationships/tags" Target="../tags/tag144.xml"/><Relationship Id="rId3" Type="http://schemas.openxmlformats.org/officeDocument/2006/relationships/tags" Target="../tags/tag139.xml"/><Relationship Id="rId12" Type="http://schemas.openxmlformats.org/officeDocument/2006/relationships/tags" Target="../tags/tag148.xml"/><Relationship Id="rId17" Type="http://schemas.openxmlformats.org/officeDocument/2006/relationships/tags" Target="../tags/tag153.xml"/><Relationship Id="rId25" Type="http://schemas.openxmlformats.org/officeDocument/2006/relationships/tags" Target="../tags/tag161.xml"/><Relationship Id="rId33" Type="http://schemas.openxmlformats.org/officeDocument/2006/relationships/tags" Target="../tags/tag169.xml"/><Relationship Id="rId38" Type="http://schemas.openxmlformats.org/officeDocument/2006/relationships/tags" Target="../tags/tag17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tiff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3" Type="http://schemas.openxmlformats.org/officeDocument/2006/relationships/tags" Target="../tags/tag192.xml"/><Relationship Id="rId18" Type="http://schemas.openxmlformats.org/officeDocument/2006/relationships/tags" Target="../tags/tag197.xml"/><Relationship Id="rId26" Type="http://schemas.openxmlformats.org/officeDocument/2006/relationships/tags" Target="../tags/tag205.xml"/><Relationship Id="rId39" Type="http://schemas.openxmlformats.org/officeDocument/2006/relationships/tags" Target="../tags/tag218.xml"/><Relationship Id="rId21" Type="http://schemas.openxmlformats.org/officeDocument/2006/relationships/tags" Target="../tags/tag200.xml"/><Relationship Id="rId34" Type="http://schemas.openxmlformats.org/officeDocument/2006/relationships/tags" Target="../tags/tag213.xml"/><Relationship Id="rId42" Type="http://schemas.openxmlformats.org/officeDocument/2006/relationships/tags" Target="../tags/tag221.xml"/><Relationship Id="rId47" Type="http://schemas.openxmlformats.org/officeDocument/2006/relationships/tags" Target="../tags/tag226.xml"/><Relationship Id="rId50" Type="http://schemas.openxmlformats.org/officeDocument/2006/relationships/tags" Target="../tags/tag229.xml"/><Relationship Id="rId55" Type="http://schemas.openxmlformats.org/officeDocument/2006/relationships/tags" Target="../tags/tag234.xml"/><Relationship Id="rId7" Type="http://schemas.openxmlformats.org/officeDocument/2006/relationships/tags" Target="../tags/tag186.xml"/><Relationship Id="rId2" Type="http://schemas.openxmlformats.org/officeDocument/2006/relationships/tags" Target="../tags/tag181.xml"/><Relationship Id="rId16" Type="http://schemas.openxmlformats.org/officeDocument/2006/relationships/tags" Target="../tags/tag195.xml"/><Relationship Id="rId29" Type="http://schemas.openxmlformats.org/officeDocument/2006/relationships/tags" Target="../tags/tag208.xml"/><Relationship Id="rId11" Type="http://schemas.openxmlformats.org/officeDocument/2006/relationships/tags" Target="../tags/tag190.xml"/><Relationship Id="rId24" Type="http://schemas.openxmlformats.org/officeDocument/2006/relationships/tags" Target="../tags/tag203.xml"/><Relationship Id="rId32" Type="http://schemas.openxmlformats.org/officeDocument/2006/relationships/tags" Target="../tags/tag211.xml"/><Relationship Id="rId37" Type="http://schemas.openxmlformats.org/officeDocument/2006/relationships/tags" Target="../tags/tag216.xml"/><Relationship Id="rId40" Type="http://schemas.openxmlformats.org/officeDocument/2006/relationships/tags" Target="../tags/tag219.xml"/><Relationship Id="rId45" Type="http://schemas.openxmlformats.org/officeDocument/2006/relationships/tags" Target="../tags/tag224.xml"/><Relationship Id="rId53" Type="http://schemas.openxmlformats.org/officeDocument/2006/relationships/tags" Target="../tags/tag232.xml"/><Relationship Id="rId58" Type="http://schemas.openxmlformats.org/officeDocument/2006/relationships/tags" Target="../tags/tag237.xml"/><Relationship Id="rId5" Type="http://schemas.openxmlformats.org/officeDocument/2006/relationships/tags" Target="../tags/tag184.xml"/><Relationship Id="rId61" Type="http://schemas.openxmlformats.org/officeDocument/2006/relationships/tags" Target="../tags/tag240.xml"/><Relationship Id="rId19" Type="http://schemas.openxmlformats.org/officeDocument/2006/relationships/tags" Target="../tags/tag198.xml"/><Relationship Id="rId14" Type="http://schemas.openxmlformats.org/officeDocument/2006/relationships/tags" Target="../tags/tag193.xml"/><Relationship Id="rId22" Type="http://schemas.openxmlformats.org/officeDocument/2006/relationships/tags" Target="../tags/tag201.xml"/><Relationship Id="rId27" Type="http://schemas.openxmlformats.org/officeDocument/2006/relationships/tags" Target="../tags/tag206.xml"/><Relationship Id="rId30" Type="http://schemas.openxmlformats.org/officeDocument/2006/relationships/tags" Target="../tags/tag209.xml"/><Relationship Id="rId35" Type="http://schemas.openxmlformats.org/officeDocument/2006/relationships/tags" Target="../tags/tag214.xml"/><Relationship Id="rId43" Type="http://schemas.openxmlformats.org/officeDocument/2006/relationships/tags" Target="../tags/tag222.xml"/><Relationship Id="rId48" Type="http://schemas.openxmlformats.org/officeDocument/2006/relationships/tags" Target="../tags/tag227.xml"/><Relationship Id="rId56" Type="http://schemas.openxmlformats.org/officeDocument/2006/relationships/tags" Target="../tags/tag235.xml"/><Relationship Id="rId8" Type="http://schemas.openxmlformats.org/officeDocument/2006/relationships/tags" Target="../tags/tag187.xml"/><Relationship Id="rId51" Type="http://schemas.openxmlformats.org/officeDocument/2006/relationships/tags" Target="../tags/tag230.xml"/><Relationship Id="rId3" Type="http://schemas.openxmlformats.org/officeDocument/2006/relationships/tags" Target="../tags/tag182.xml"/><Relationship Id="rId12" Type="http://schemas.openxmlformats.org/officeDocument/2006/relationships/tags" Target="../tags/tag191.xml"/><Relationship Id="rId17" Type="http://schemas.openxmlformats.org/officeDocument/2006/relationships/tags" Target="../tags/tag196.xml"/><Relationship Id="rId25" Type="http://schemas.openxmlformats.org/officeDocument/2006/relationships/tags" Target="../tags/tag204.xml"/><Relationship Id="rId33" Type="http://schemas.openxmlformats.org/officeDocument/2006/relationships/tags" Target="../tags/tag212.xml"/><Relationship Id="rId38" Type="http://schemas.openxmlformats.org/officeDocument/2006/relationships/tags" Target="../tags/tag217.xml"/><Relationship Id="rId46" Type="http://schemas.openxmlformats.org/officeDocument/2006/relationships/tags" Target="../tags/tag225.xml"/><Relationship Id="rId59" Type="http://schemas.openxmlformats.org/officeDocument/2006/relationships/tags" Target="../tags/tag238.xml"/><Relationship Id="rId20" Type="http://schemas.openxmlformats.org/officeDocument/2006/relationships/tags" Target="../tags/tag199.xml"/><Relationship Id="rId41" Type="http://schemas.openxmlformats.org/officeDocument/2006/relationships/tags" Target="../tags/tag220.xml"/><Relationship Id="rId54" Type="http://schemas.openxmlformats.org/officeDocument/2006/relationships/tags" Target="../tags/tag233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180.xml"/><Relationship Id="rId6" Type="http://schemas.openxmlformats.org/officeDocument/2006/relationships/tags" Target="../tags/tag185.xml"/><Relationship Id="rId15" Type="http://schemas.openxmlformats.org/officeDocument/2006/relationships/tags" Target="../tags/tag194.xml"/><Relationship Id="rId23" Type="http://schemas.openxmlformats.org/officeDocument/2006/relationships/tags" Target="../tags/tag202.xml"/><Relationship Id="rId28" Type="http://schemas.openxmlformats.org/officeDocument/2006/relationships/tags" Target="../tags/tag207.xml"/><Relationship Id="rId36" Type="http://schemas.openxmlformats.org/officeDocument/2006/relationships/tags" Target="../tags/tag215.xml"/><Relationship Id="rId49" Type="http://schemas.openxmlformats.org/officeDocument/2006/relationships/tags" Target="../tags/tag228.xml"/><Relationship Id="rId57" Type="http://schemas.openxmlformats.org/officeDocument/2006/relationships/tags" Target="../tags/tag236.xml"/><Relationship Id="rId10" Type="http://schemas.openxmlformats.org/officeDocument/2006/relationships/tags" Target="../tags/tag189.xml"/><Relationship Id="rId31" Type="http://schemas.openxmlformats.org/officeDocument/2006/relationships/tags" Target="../tags/tag210.xml"/><Relationship Id="rId44" Type="http://schemas.openxmlformats.org/officeDocument/2006/relationships/tags" Target="../tags/tag223.xml"/><Relationship Id="rId52" Type="http://schemas.openxmlformats.org/officeDocument/2006/relationships/tags" Target="../tags/tag231.xml"/><Relationship Id="rId60" Type="http://schemas.openxmlformats.org/officeDocument/2006/relationships/tags" Target="../tags/tag239.xml"/><Relationship Id="rId4" Type="http://schemas.openxmlformats.org/officeDocument/2006/relationships/tags" Target="../tags/tag183.xml"/><Relationship Id="rId9" Type="http://schemas.openxmlformats.org/officeDocument/2006/relationships/tags" Target="../tags/tag188.xml"/></Relationships>
</file>

<file path=ppt/slides/_rels/slide21.xml.rels><?xml version="1.0" encoding="UTF-8" standalone="yes"?>
<Relationships xmlns="http://schemas.openxmlformats.org/package/2006/relationships"><Relationship Id="rId26" Type="http://schemas.openxmlformats.org/officeDocument/2006/relationships/tags" Target="../tags/tag266.xml"/><Relationship Id="rId21" Type="http://schemas.openxmlformats.org/officeDocument/2006/relationships/tags" Target="../tags/tag261.xml"/><Relationship Id="rId42" Type="http://schemas.openxmlformats.org/officeDocument/2006/relationships/tags" Target="../tags/tag282.xml"/><Relationship Id="rId47" Type="http://schemas.openxmlformats.org/officeDocument/2006/relationships/tags" Target="../tags/tag287.xml"/><Relationship Id="rId63" Type="http://schemas.openxmlformats.org/officeDocument/2006/relationships/tags" Target="../tags/tag303.xml"/><Relationship Id="rId68" Type="http://schemas.openxmlformats.org/officeDocument/2006/relationships/tags" Target="../tags/tag308.xml"/><Relationship Id="rId2" Type="http://schemas.openxmlformats.org/officeDocument/2006/relationships/tags" Target="../tags/tag242.xml"/><Relationship Id="rId16" Type="http://schemas.openxmlformats.org/officeDocument/2006/relationships/tags" Target="../tags/tag256.xml"/><Relationship Id="rId29" Type="http://schemas.openxmlformats.org/officeDocument/2006/relationships/tags" Target="../tags/tag269.xml"/><Relationship Id="rId11" Type="http://schemas.openxmlformats.org/officeDocument/2006/relationships/tags" Target="../tags/tag251.xml"/><Relationship Id="rId24" Type="http://schemas.openxmlformats.org/officeDocument/2006/relationships/tags" Target="../tags/tag264.xml"/><Relationship Id="rId32" Type="http://schemas.openxmlformats.org/officeDocument/2006/relationships/tags" Target="../tags/tag272.xml"/><Relationship Id="rId37" Type="http://schemas.openxmlformats.org/officeDocument/2006/relationships/tags" Target="../tags/tag277.xml"/><Relationship Id="rId40" Type="http://schemas.openxmlformats.org/officeDocument/2006/relationships/tags" Target="../tags/tag280.xml"/><Relationship Id="rId45" Type="http://schemas.openxmlformats.org/officeDocument/2006/relationships/tags" Target="../tags/tag285.xml"/><Relationship Id="rId53" Type="http://schemas.openxmlformats.org/officeDocument/2006/relationships/tags" Target="../tags/tag293.xml"/><Relationship Id="rId58" Type="http://schemas.openxmlformats.org/officeDocument/2006/relationships/tags" Target="../tags/tag298.xml"/><Relationship Id="rId66" Type="http://schemas.openxmlformats.org/officeDocument/2006/relationships/tags" Target="../tags/tag306.xml"/><Relationship Id="rId74" Type="http://schemas.openxmlformats.org/officeDocument/2006/relationships/slideLayout" Target="../slideLayouts/slideLayout2.xml"/><Relationship Id="rId5" Type="http://schemas.openxmlformats.org/officeDocument/2006/relationships/tags" Target="../tags/tag245.xml"/><Relationship Id="rId61" Type="http://schemas.openxmlformats.org/officeDocument/2006/relationships/tags" Target="../tags/tag301.xml"/><Relationship Id="rId19" Type="http://schemas.openxmlformats.org/officeDocument/2006/relationships/tags" Target="../tags/tag259.xml"/><Relationship Id="rId14" Type="http://schemas.openxmlformats.org/officeDocument/2006/relationships/tags" Target="../tags/tag254.xml"/><Relationship Id="rId22" Type="http://schemas.openxmlformats.org/officeDocument/2006/relationships/tags" Target="../tags/tag262.xml"/><Relationship Id="rId27" Type="http://schemas.openxmlformats.org/officeDocument/2006/relationships/tags" Target="../tags/tag267.xml"/><Relationship Id="rId30" Type="http://schemas.openxmlformats.org/officeDocument/2006/relationships/tags" Target="../tags/tag270.xml"/><Relationship Id="rId35" Type="http://schemas.openxmlformats.org/officeDocument/2006/relationships/tags" Target="../tags/tag275.xml"/><Relationship Id="rId43" Type="http://schemas.openxmlformats.org/officeDocument/2006/relationships/tags" Target="../tags/tag283.xml"/><Relationship Id="rId48" Type="http://schemas.openxmlformats.org/officeDocument/2006/relationships/tags" Target="../tags/tag288.xml"/><Relationship Id="rId56" Type="http://schemas.openxmlformats.org/officeDocument/2006/relationships/tags" Target="../tags/tag296.xml"/><Relationship Id="rId64" Type="http://schemas.openxmlformats.org/officeDocument/2006/relationships/tags" Target="../tags/tag304.xml"/><Relationship Id="rId69" Type="http://schemas.openxmlformats.org/officeDocument/2006/relationships/tags" Target="../tags/tag309.xml"/><Relationship Id="rId8" Type="http://schemas.openxmlformats.org/officeDocument/2006/relationships/tags" Target="../tags/tag248.xml"/><Relationship Id="rId51" Type="http://schemas.openxmlformats.org/officeDocument/2006/relationships/tags" Target="../tags/tag291.xml"/><Relationship Id="rId72" Type="http://schemas.openxmlformats.org/officeDocument/2006/relationships/tags" Target="../tags/tag312.xml"/><Relationship Id="rId3" Type="http://schemas.openxmlformats.org/officeDocument/2006/relationships/tags" Target="../tags/tag243.xml"/><Relationship Id="rId12" Type="http://schemas.openxmlformats.org/officeDocument/2006/relationships/tags" Target="../tags/tag252.xml"/><Relationship Id="rId17" Type="http://schemas.openxmlformats.org/officeDocument/2006/relationships/tags" Target="../tags/tag257.xml"/><Relationship Id="rId25" Type="http://schemas.openxmlformats.org/officeDocument/2006/relationships/tags" Target="../tags/tag265.xml"/><Relationship Id="rId33" Type="http://schemas.openxmlformats.org/officeDocument/2006/relationships/tags" Target="../tags/tag273.xml"/><Relationship Id="rId38" Type="http://schemas.openxmlformats.org/officeDocument/2006/relationships/tags" Target="../tags/tag278.xml"/><Relationship Id="rId46" Type="http://schemas.openxmlformats.org/officeDocument/2006/relationships/tags" Target="../tags/tag286.xml"/><Relationship Id="rId59" Type="http://schemas.openxmlformats.org/officeDocument/2006/relationships/tags" Target="../tags/tag299.xml"/><Relationship Id="rId67" Type="http://schemas.openxmlformats.org/officeDocument/2006/relationships/tags" Target="../tags/tag307.xml"/><Relationship Id="rId20" Type="http://schemas.openxmlformats.org/officeDocument/2006/relationships/tags" Target="../tags/tag260.xml"/><Relationship Id="rId41" Type="http://schemas.openxmlformats.org/officeDocument/2006/relationships/tags" Target="../tags/tag281.xml"/><Relationship Id="rId54" Type="http://schemas.openxmlformats.org/officeDocument/2006/relationships/tags" Target="../tags/tag294.xml"/><Relationship Id="rId62" Type="http://schemas.openxmlformats.org/officeDocument/2006/relationships/tags" Target="../tags/tag302.xml"/><Relationship Id="rId70" Type="http://schemas.openxmlformats.org/officeDocument/2006/relationships/tags" Target="../tags/tag310.xml"/><Relationship Id="rId1" Type="http://schemas.openxmlformats.org/officeDocument/2006/relationships/tags" Target="../tags/tag241.xml"/><Relationship Id="rId6" Type="http://schemas.openxmlformats.org/officeDocument/2006/relationships/tags" Target="../tags/tag246.xml"/><Relationship Id="rId15" Type="http://schemas.openxmlformats.org/officeDocument/2006/relationships/tags" Target="../tags/tag255.xml"/><Relationship Id="rId23" Type="http://schemas.openxmlformats.org/officeDocument/2006/relationships/tags" Target="../tags/tag263.xml"/><Relationship Id="rId28" Type="http://schemas.openxmlformats.org/officeDocument/2006/relationships/tags" Target="../tags/tag268.xml"/><Relationship Id="rId36" Type="http://schemas.openxmlformats.org/officeDocument/2006/relationships/tags" Target="../tags/tag276.xml"/><Relationship Id="rId49" Type="http://schemas.openxmlformats.org/officeDocument/2006/relationships/tags" Target="../tags/tag289.xml"/><Relationship Id="rId57" Type="http://schemas.openxmlformats.org/officeDocument/2006/relationships/tags" Target="../tags/tag297.xml"/><Relationship Id="rId10" Type="http://schemas.openxmlformats.org/officeDocument/2006/relationships/tags" Target="../tags/tag250.xml"/><Relationship Id="rId31" Type="http://schemas.openxmlformats.org/officeDocument/2006/relationships/tags" Target="../tags/tag271.xml"/><Relationship Id="rId44" Type="http://schemas.openxmlformats.org/officeDocument/2006/relationships/tags" Target="../tags/tag284.xml"/><Relationship Id="rId52" Type="http://schemas.openxmlformats.org/officeDocument/2006/relationships/tags" Target="../tags/tag292.xml"/><Relationship Id="rId60" Type="http://schemas.openxmlformats.org/officeDocument/2006/relationships/tags" Target="../tags/tag300.xml"/><Relationship Id="rId65" Type="http://schemas.openxmlformats.org/officeDocument/2006/relationships/tags" Target="../tags/tag305.xml"/><Relationship Id="rId73" Type="http://schemas.openxmlformats.org/officeDocument/2006/relationships/tags" Target="../tags/tag313.xml"/><Relationship Id="rId4" Type="http://schemas.openxmlformats.org/officeDocument/2006/relationships/tags" Target="../tags/tag244.xml"/><Relationship Id="rId9" Type="http://schemas.openxmlformats.org/officeDocument/2006/relationships/tags" Target="../tags/tag249.xml"/><Relationship Id="rId13" Type="http://schemas.openxmlformats.org/officeDocument/2006/relationships/tags" Target="../tags/tag253.xml"/><Relationship Id="rId18" Type="http://schemas.openxmlformats.org/officeDocument/2006/relationships/tags" Target="../tags/tag258.xml"/><Relationship Id="rId39" Type="http://schemas.openxmlformats.org/officeDocument/2006/relationships/tags" Target="../tags/tag279.xml"/><Relationship Id="rId34" Type="http://schemas.openxmlformats.org/officeDocument/2006/relationships/tags" Target="../tags/tag274.xml"/><Relationship Id="rId50" Type="http://schemas.openxmlformats.org/officeDocument/2006/relationships/tags" Target="../tags/tag290.xml"/><Relationship Id="rId55" Type="http://schemas.openxmlformats.org/officeDocument/2006/relationships/tags" Target="../tags/tag295.xml"/><Relationship Id="rId7" Type="http://schemas.openxmlformats.org/officeDocument/2006/relationships/tags" Target="../tags/tag247.xml"/><Relationship Id="rId71" Type="http://schemas.openxmlformats.org/officeDocument/2006/relationships/tags" Target="../tags/tag311.xml"/></Relationships>
</file>

<file path=ppt/slides/_rels/slide22.xml.rels><?xml version="1.0" encoding="UTF-8" standalone="yes"?>
<Relationships xmlns="http://schemas.openxmlformats.org/package/2006/relationships"><Relationship Id="rId13" Type="http://schemas.openxmlformats.org/officeDocument/2006/relationships/tags" Target="../tags/tag326.xml"/><Relationship Id="rId18" Type="http://schemas.openxmlformats.org/officeDocument/2006/relationships/tags" Target="../tags/tag331.xml"/><Relationship Id="rId26" Type="http://schemas.openxmlformats.org/officeDocument/2006/relationships/tags" Target="../tags/tag339.xml"/><Relationship Id="rId39" Type="http://schemas.openxmlformats.org/officeDocument/2006/relationships/tags" Target="../tags/tag352.xml"/><Relationship Id="rId21" Type="http://schemas.openxmlformats.org/officeDocument/2006/relationships/tags" Target="../tags/tag334.xml"/><Relationship Id="rId34" Type="http://schemas.openxmlformats.org/officeDocument/2006/relationships/tags" Target="../tags/tag347.xml"/><Relationship Id="rId42" Type="http://schemas.openxmlformats.org/officeDocument/2006/relationships/tags" Target="../tags/tag355.xml"/><Relationship Id="rId7" Type="http://schemas.openxmlformats.org/officeDocument/2006/relationships/tags" Target="../tags/tag320.xml"/><Relationship Id="rId2" Type="http://schemas.openxmlformats.org/officeDocument/2006/relationships/tags" Target="../tags/tag315.xml"/><Relationship Id="rId16" Type="http://schemas.openxmlformats.org/officeDocument/2006/relationships/tags" Target="../tags/tag329.xml"/><Relationship Id="rId20" Type="http://schemas.openxmlformats.org/officeDocument/2006/relationships/tags" Target="../tags/tag333.xml"/><Relationship Id="rId29" Type="http://schemas.openxmlformats.org/officeDocument/2006/relationships/tags" Target="../tags/tag342.xml"/><Relationship Id="rId41" Type="http://schemas.openxmlformats.org/officeDocument/2006/relationships/tags" Target="../tags/tag354.xml"/><Relationship Id="rId1" Type="http://schemas.openxmlformats.org/officeDocument/2006/relationships/tags" Target="../tags/tag314.xml"/><Relationship Id="rId6" Type="http://schemas.openxmlformats.org/officeDocument/2006/relationships/tags" Target="../tags/tag319.xml"/><Relationship Id="rId11" Type="http://schemas.openxmlformats.org/officeDocument/2006/relationships/tags" Target="../tags/tag324.xml"/><Relationship Id="rId24" Type="http://schemas.openxmlformats.org/officeDocument/2006/relationships/tags" Target="../tags/tag337.xml"/><Relationship Id="rId32" Type="http://schemas.openxmlformats.org/officeDocument/2006/relationships/tags" Target="../tags/tag345.xml"/><Relationship Id="rId37" Type="http://schemas.openxmlformats.org/officeDocument/2006/relationships/tags" Target="../tags/tag350.xml"/><Relationship Id="rId40" Type="http://schemas.openxmlformats.org/officeDocument/2006/relationships/tags" Target="../tags/tag353.xml"/><Relationship Id="rId5" Type="http://schemas.openxmlformats.org/officeDocument/2006/relationships/tags" Target="../tags/tag318.xml"/><Relationship Id="rId15" Type="http://schemas.openxmlformats.org/officeDocument/2006/relationships/tags" Target="../tags/tag328.xml"/><Relationship Id="rId23" Type="http://schemas.openxmlformats.org/officeDocument/2006/relationships/tags" Target="../tags/tag336.xml"/><Relationship Id="rId28" Type="http://schemas.openxmlformats.org/officeDocument/2006/relationships/tags" Target="../tags/tag341.xml"/><Relationship Id="rId36" Type="http://schemas.openxmlformats.org/officeDocument/2006/relationships/tags" Target="../tags/tag349.xml"/><Relationship Id="rId10" Type="http://schemas.openxmlformats.org/officeDocument/2006/relationships/tags" Target="../tags/tag323.xml"/><Relationship Id="rId19" Type="http://schemas.openxmlformats.org/officeDocument/2006/relationships/tags" Target="../tags/tag332.xml"/><Relationship Id="rId31" Type="http://schemas.openxmlformats.org/officeDocument/2006/relationships/tags" Target="../tags/tag344.xml"/><Relationship Id="rId4" Type="http://schemas.openxmlformats.org/officeDocument/2006/relationships/tags" Target="../tags/tag317.xml"/><Relationship Id="rId9" Type="http://schemas.openxmlformats.org/officeDocument/2006/relationships/tags" Target="../tags/tag322.xml"/><Relationship Id="rId14" Type="http://schemas.openxmlformats.org/officeDocument/2006/relationships/tags" Target="../tags/tag327.xml"/><Relationship Id="rId22" Type="http://schemas.openxmlformats.org/officeDocument/2006/relationships/tags" Target="../tags/tag335.xml"/><Relationship Id="rId27" Type="http://schemas.openxmlformats.org/officeDocument/2006/relationships/tags" Target="../tags/tag340.xml"/><Relationship Id="rId30" Type="http://schemas.openxmlformats.org/officeDocument/2006/relationships/tags" Target="../tags/tag343.xml"/><Relationship Id="rId35" Type="http://schemas.openxmlformats.org/officeDocument/2006/relationships/tags" Target="../tags/tag348.xml"/><Relationship Id="rId43" Type="http://schemas.openxmlformats.org/officeDocument/2006/relationships/slideLayout" Target="../slideLayouts/slideLayout2.xml"/><Relationship Id="rId8" Type="http://schemas.openxmlformats.org/officeDocument/2006/relationships/tags" Target="../tags/tag321.xml"/><Relationship Id="rId3" Type="http://schemas.openxmlformats.org/officeDocument/2006/relationships/tags" Target="../tags/tag316.xml"/><Relationship Id="rId12" Type="http://schemas.openxmlformats.org/officeDocument/2006/relationships/tags" Target="../tags/tag325.xml"/><Relationship Id="rId17" Type="http://schemas.openxmlformats.org/officeDocument/2006/relationships/tags" Target="../tags/tag330.xml"/><Relationship Id="rId25" Type="http://schemas.openxmlformats.org/officeDocument/2006/relationships/tags" Target="../tags/tag338.xml"/><Relationship Id="rId33" Type="http://schemas.openxmlformats.org/officeDocument/2006/relationships/tags" Target="../tags/tag346.xml"/><Relationship Id="rId38" Type="http://schemas.openxmlformats.org/officeDocument/2006/relationships/tags" Target="../tags/tag35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notesSlide" Target="../notesSlides/notesSlide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000" dirty="0"/>
              <a:t>ESS Accelerator Plan</a:t>
            </a:r>
            <a:endParaRPr lang="en-GB" sz="4000" dirty="0">
              <a:solidFill>
                <a:srgbClr val="FF0000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Ciprian Plostinar</a:t>
            </a:r>
          </a:p>
          <a:p>
            <a:endParaRPr lang="en-GB" sz="2000" dirty="0">
              <a:solidFill>
                <a:schemeClr val="bg1"/>
              </a:solidFill>
            </a:endParaRPr>
          </a:p>
          <a:p>
            <a:endParaRPr lang="en-GB" sz="2000" dirty="0">
              <a:solidFill>
                <a:schemeClr val="bg1"/>
              </a:solidFill>
            </a:endParaRPr>
          </a:p>
          <a:p>
            <a:r>
              <a:rPr lang="en-GB" sz="2000" dirty="0">
                <a:solidFill>
                  <a:schemeClr val="bg1"/>
                </a:solidFill>
              </a:rPr>
              <a:t>Workshop on Testing and Commission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 err="1">
                <a:solidFill>
                  <a:srgbClr val="FFFFFF"/>
                </a:solidFill>
              </a:rPr>
              <a:t>www.europeanspallationsource.se</a:t>
            </a:r>
            <a:endParaRPr lang="en-GB" sz="1600" dirty="0">
              <a:solidFill>
                <a:srgbClr val="FFFFFF"/>
              </a:solidFill>
            </a:endParaRPr>
          </a:p>
          <a:p>
            <a:pPr algn="ctr"/>
            <a:r>
              <a:rPr lang="en-GB" sz="1400" dirty="0">
                <a:solidFill>
                  <a:srgbClr val="FFFFFF"/>
                </a:solidFill>
              </a:rPr>
              <a:t>16 October 2018</a:t>
            </a: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015D37-189B-0242-965C-A912BCDF4C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: DT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1E142B-67C8-E445-9766-DBAF01CD85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916832"/>
            <a:ext cx="8229600" cy="4680520"/>
          </a:xfrm>
        </p:spPr>
        <p:txBody>
          <a:bodyPr>
            <a:normAutofit/>
          </a:bodyPr>
          <a:lstStyle/>
          <a:p>
            <a:pPr lvl="1"/>
            <a:r>
              <a:rPr lang="en-GB" dirty="0"/>
              <a:t>Significant slippage, RBOT date is affected (DTL2 and DTL3 late by 6-7 months compared to the baseline.</a:t>
            </a:r>
          </a:p>
          <a:p>
            <a:pPr lvl="1"/>
            <a:r>
              <a:rPr lang="en-GB" dirty="0"/>
              <a:t>Requires some installation sequence adjustment</a:t>
            </a:r>
          </a:p>
          <a:p>
            <a:pPr lvl="1"/>
            <a:r>
              <a:rPr lang="en-GB" dirty="0"/>
              <a:t>The “Beam from ISrc to DTL1” milestone is largely not affected.</a:t>
            </a:r>
          </a:p>
          <a:p>
            <a:pPr lvl="2"/>
            <a:r>
              <a:rPr lang="en-GB" dirty="0"/>
              <a:t>Near Critical Path buffer</a:t>
            </a:r>
          </a:p>
          <a:p>
            <a:pPr lvl="1"/>
            <a:r>
              <a:rPr lang="en-GB" dirty="0"/>
              <a:t>The “Beam from ISrc to DTL4” milestone has slipped by ~2.5 months </a:t>
            </a:r>
          </a:p>
          <a:p>
            <a:pPr lvl="2"/>
            <a:r>
              <a:rPr lang="en-GB" dirty="0"/>
              <a:t>Delay can be reduced if installation work can take place during the RF conditioning or beam commissioning windows.</a:t>
            </a:r>
          </a:p>
          <a:p>
            <a:pPr lvl="3"/>
            <a:r>
              <a:rPr lang="en-GB" dirty="0"/>
              <a:t>(i.e. install during the day, condition in the evenings/at night).</a:t>
            </a:r>
          </a:p>
          <a:p>
            <a:pPr lvl="3"/>
            <a:r>
              <a:rPr lang="en-GB" dirty="0"/>
              <a:t>Currently this is not an ESS strategy.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15CF2C-D2C3-BD44-9A85-7B843358A9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2406254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C18C57-BA50-D143-88FC-4044A2D717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B498F2-8880-514C-B3D2-2D4DC38ED0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1</a:t>
            </a:fld>
            <a:endParaRPr lang="en-GB" noProof="0"/>
          </a:p>
        </p:txBody>
      </p:sp>
      <p:grpSp>
        <p:nvGrpSpPr>
          <p:cNvPr id="77" name="Group 76">
            <a:extLst>
              <a:ext uri="{FF2B5EF4-FFF2-40B4-BE49-F238E27FC236}">
                <a16:creationId xmlns:a16="http://schemas.microsoft.com/office/drawing/2014/main" id="{777177E5-E60D-0C41-8F36-767A9511730B}"/>
              </a:ext>
            </a:extLst>
          </p:cNvPr>
          <p:cNvGrpSpPr/>
          <p:nvPr/>
        </p:nvGrpSpPr>
        <p:grpSpPr>
          <a:xfrm>
            <a:off x="844465" y="1268760"/>
            <a:ext cx="7467600" cy="5525606"/>
            <a:chOff x="844465" y="902194"/>
            <a:chExt cx="7467600" cy="5525606"/>
          </a:xfrm>
        </p:grpSpPr>
        <p:cxnSp>
          <p:nvCxnSpPr>
            <p:cNvPr id="78" name="OTLSHAPE_T_4312729c92f347ad89cf9bf965707e8f_MiddleVerticalConnector5">
              <a:extLst>
                <a:ext uri="{FF2B5EF4-FFF2-40B4-BE49-F238E27FC236}">
                  <a16:creationId xmlns:a16="http://schemas.microsoft.com/office/drawing/2014/main" id="{D6861918-53D3-CB40-A8E1-4C35EAF1CC7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5476628" y="5593325"/>
              <a:ext cx="0" cy="268478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79" name="OTLSHAPE_T_4312729c92f347ad89cf9bf965707e8f_MiddleVerticalConnector4">
              <a:extLst>
                <a:ext uri="{FF2B5EF4-FFF2-40B4-BE49-F238E27FC236}">
                  <a16:creationId xmlns:a16="http://schemas.microsoft.com/office/drawing/2014/main" id="{979EAB9B-98C8-0348-B6D2-8196419156B6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5476628" y="4967470"/>
              <a:ext cx="0" cy="455337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0" name="OTLSHAPE_T_4312729c92f347ad89cf9bf965707e8f_MiddleVerticalConnector3">
              <a:extLst>
                <a:ext uri="{FF2B5EF4-FFF2-40B4-BE49-F238E27FC236}">
                  <a16:creationId xmlns:a16="http://schemas.microsoft.com/office/drawing/2014/main" id="{EEE3F380-E7D8-2A4A-A7DD-DAE0722D740C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476628" y="4550232"/>
              <a:ext cx="0" cy="246719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1" name="OTLSHAPE_T_4312729c92f347ad89cf9bf965707e8f_MiddleVerticalConnector2">
              <a:extLst>
                <a:ext uri="{FF2B5EF4-FFF2-40B4-BE49-F238E27FC236}">
                  <a16:creationId xmlns:a16="http://schemas.microsoft.com/office/drawing/2014/main" id="{A28C1416-261E-C04A-A145-27BE88C59386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5476628" y="3298520"/>
              <a:ext cx="0" cy="1081193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2" name="OTLSHAPE_T_4312729c92f347ad89cf9bf965707e8f_MiddleVerticalConnector1">
              <a:extLst>
                <a:ext uri="{FF2B5EF4-FFF2-40B4-BE49-F238E27FC236}">
                  <a16:creationId xmlns:a16="http://schemas.microsoft.com/office/drawing/2014/main" id="{E72AAB83-FA01-A044-9B17-54C2CD56DE5F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5476628" y="2507564"/>
              <a:ext cx="0" cy="620437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3" name="OTLSHAPE_T_5cf927010be048dba67106feffe4e6c2_MiddleVerticalConnector5">
              <a:extLst>
                <a:ext uri="{FF2B5EF4-FFF2-40B4-BE49-F238E27FC236}">
                  <a16:creationId xmlns:a16="http://schemas.microsoft.com/office/drawing/2014/main" id="{0E996A7B-CF2F-8C4E-88DC-8C98197BE2E8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4281834" y="4341613"/>
              <a:ext cx="0" cy="268478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OTLSHAPE_T_5cf927010be048dba67106feffe4e6c2_MiddleVerticalConnector4">
              <a:extLst>
                <a:ext uri="{FF2B5EF4-FFF2-40B4-BE49-F238E27FC236}">
                  <a16:creationId xmlns:a16="http://schemas.microsoft.com/office/drawing/2014/main" id="{CB039489-1CEB-4D40-B24C-7F9A6F41979D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281834" y="3276761"/>
              <a:ext cx="0" cy="894334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5" name="OTLSHAPE_T_5cf927010be048dba67106feffe4e6c2_MiddleVerticalConnector1">
              <a:extLst>
                <a:ext uri="{FF2B5EF4-FFF2-40B4-BE49-F238E27FC236}">
                  <a16:creationId xmlns:a16="http://schemas.microsoft.com/office/drawing/2014/main" id="{BFE7EF04-A103-3D4E-B087-447B83047931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4281834" y="2507564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6" name="OTLSHAPE_M_42fdb2d4d8a3473fbbe4f286c2bc756f_Connector2">
              <a:extLst>
                <a:ext uri="{FF2B5EF4-FFF2-40B4-BE49-F238E27FC236}">
                  <a16:creationId xmlns:a16="http://schemas.microsoft.com/office/drawing/2014/main" id="{EA03C688-FE8F-004D-A0BE-6B2F7848B6C1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7432185" y="1537956"/>
              <a:ext cx="0" cy="525108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7" name="OTLSHAPE_M_42fdb2d4d8a3473fbbe4f286c2bc756f_Connector1">
              <a:extLst>
                <a:ext uri="{FF2B5EF4-FFF2-40B4-BE49-F238E27FC236}">
                  <a16:creationId xmlns:a16="http://schemas.microsoft.com/office/drawing/2014/main" id="{310BC3BF-46BA-4D4D-AC79-E5F561FE8882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7432185" y="1278537"/>
              <a:ext cx="0" cy="88900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8" name="OTLSHAPE_M_ad26212a624042f8946c3ee929d0bce4_Connector1">
              <a:extLst>
                <a:ext uri="{FF2B5EF4-FFF2-40B4-BE49-F238E27FC236}">
                  <a16:creationId xmlns:a16="http://schemas.microsoft.com/office/drawing/2014/main" id="{2C08E7D7-FB5B-F44B-A940-4BBE007FEC87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6920131" y="1743780"/>
              <a:ext cx="0" cy="319284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89" name="OTLSHAPE_TB_00000000000000000000000000000000_ScaleContainer">
              <a:extLst>
                <a:ext uri="{FF2B5EF4-FFF2-40B4-BE49-F238E27FC236}">
                  <a16:creationId xmlns:a16="http://schemas.microsoft.com/office/drawing/2014/main" id="{E2C69398-8548-5D41-95A6-BFDDF2DB08B0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844465" y="2126564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0" name="OTLSHAPE_TB_00000000000000000000000000000000_ElapsedTime">
              <a:extLst>
                <a:ext uri="{FF2B5EF4-FFF2-40B4-BE49-F238E27FC236}">
                  <a16:creationId xmlns:a16="http://schemas.microsoft.com/office/drawing/2014/main" id="{4D116EBB-02C0-5746-8C1B-599E87266EC5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844465" y="2126564"/>
              <a:ext cx="15748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1" name="OTLSHAPE_TB_00000000000000000000000000000000_TimescaleInterval1">
              <a:extLst>
                <a:ext uri="{FF2B5EF4-FFF2-40B4-BE49-F238E27FC236}">
                  <a16:creationId xmlns:a16="http://schemas.microsoft.com/office/drawing/2014/main" id="{B2C4CB33-80CF-D348-BB70-665FAD84107C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1073065" y="222403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92" name="OTLSHAPE_TB_00000000000000000000000000000000_Separator1">
              <a:extLst>
                <a:ext uri="{FF2B5EF4-FFF2-40B4-BE49-F238E27FC236}">
                  <a16:creationId xmlns:a16="http://schemas.microsoft.com/office/drawing/2014/main" id="{042F23FC-991D-A043-90C5-F74CF36255B4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2789563" y="219006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3" name="OTLSHAPE_TB_00000000000000000000000000000000_TimescaleInterval2">
              <a:extLst>
                <a:ext uri="{FF2B5EF4-FFF2-40B4-BE49-F238E27FC236}">
                  <a16:creationId xmlns:a16="http://schemas.microsoft.com/office/drawing/2014/main" id="{31E7867F-E6AB-1D47-8D09-183255F886F8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2853063" y="222403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94" name="OTLSHAPE_TB_00000000000000000000000000000000_Separator2">
              <a:extLst>
                <a:ext uri="{FF2B5EF4-FFF2-40B4-BE49-F238E27FC236}">
                  <a16:creationId xmlns:a16="http://schemas.microsoft.com/office/drawing/2014/main" id="{545B2046-6877-4B4C-827C-EDBE69609A78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4569562" y="219006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5" name="OTLSHAPE_TB_00000000000000000000000000000000_TimescaleInterval3">
              <a:extLst>
                <a:ext uri="{FF2B5EF4-FFF2-40B4-BE49-F238E27FC236}">
                  <a16:creationId xmlns:a16="http://schemas.microsoft.com/office/drawing/2014/main" id="{58297CC9-6669-214B-AC20-7D73DDC7BA73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633062" y="222403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96" name="OTLSHAPE_TB_00000000000000000000000000000000_Separator3">
              <a:extLst>
                <a:ext uri="{FF2B5EF4-FFF2-40B4-BE49-F238E27FC236}">
                  <a16:creationId xmlns:a16="http://schemas.microsoft.com/office/drawing/2014/main" id="{E7FED059-0F34-1A4A-A0C1-F11D563D796E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6354437" y="219006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7" name="OTLSHAPE_TB_00000000000000000000000000000000_TimescaleInterval4">
              <a:extLst>
                <a:ext uri="{FF2B5EF4-FFF2-40B4-BE49-F238E27FC236}">
                  <a16:creationId xmlns:a16="http://schemas.microsoft.com/office/drawing/2014/main" id="{D05E1167-0DFA-AE47-85F4-5B74C0E34A44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6417937" y="222403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98" name="OTLSHAPE_M_2d0797157b8f4b8eac03a9e74cdce7ed_Title">
              <a:extLst>
                <a:ext uri="{FF2B5EF4-FFF2-40B4-BE49-F238E27FC236}">
                  <a16:creationId xmlns:a16="http://schemas.microsoft.com/office/drawing/2014/main" id="{34B43F9B-DDD3-B443-B079-899786C83BB8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1853907" y="1559721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99" name="OTLSHAPE_M_2d0797157b8f4b8eac03a9e74cdce7ed_Date">
              <a:extLst>
                <a:ext uri="{FF2B5EF4-FFF2-40B4-BE49-F238E27FC236}">
                  <a16:creationId xmlns:a16="http://schemas.microsoft.com/office/drawing/2014/main" id="{90A9054E-8550-FC41-9E7A-E5CDE8BFB426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1960651" y="1755639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/9/2018</a:t>
              </a:r>
            </a:p>
          </p:txBody>
        </p:sp>
        <p:sp>
          <p:nvSpPr>
            <p:cNvPr id="100" name="OTLSHAPE_M_2d0797157b8f4b8eac03a9e74cdce7ed_Shape">
              <a:extLst>
                <a:ext uri="{FF2B5EF4-FFF2-40B4-BE49-F238E27FC236}">
                  <a16:creationId xmlns:a16="http://schemas.microsoft.com/office/drawing/2014/main" id="{41E886FB-777C-9441-92A1-8C01747C0219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 flipV="1">
              <a:off x="2094932" y="1936064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1" name="OTLSHAPE_M_15462190989a4e5087e6d7cc02e1ed2d_Title">
              <a:extLst>
                <a:ext uri="{FF2B5EF4-FFF2-40B4-BE49-F238E27FC236}">
                  <a16:creationId xmlns:a16="http://schemas.microsoft.com/office/drawing/2014/main" id="{2DC34EEC-07B1-2A4C-89CD-8F7407EC634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3979436" y="155972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102" name="OTLSHAPE_M_15462190989a4e5087e6d7cc02e1ed2d_Date">
              <a:extLst>
                <a:ext uri="{FF2B5EF4-FFF2-40B4-BE49-F238E27FC236}">
                  <a16:creationId xmlns:a16="http://schemas.microsoft.com/office/drawing/2014/main" id="{A964FD56-F324-F24E-A935-D9E3ADC4813A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012753" y="1755639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/11/2019</a:t>
              </a:r>
            </a:p>
          </p:txBody>
        </p:sp>
        <p:sp>
          <p:nvSpPr>
            <p:cNvPr id="103" name="OTLSHAPE_M_15462190989a4e5087e6d7cc02e1ed2d_Shape">
              <a:extLst>
                <a:ext uri="{FF2B5EF4-FFF2-40B4-BE49-F238E27FC236}">
                  <a16:creationId xmlns:a16="http://schemas.microsoft.com/office/drawing/2014/main" id="{3D4FE382-293E-8046-AC64-843E6CAEFC39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 flipV="1">
              <a:off x="4211423" y="1936064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4" name="OTLSHAPE_M_1d6d4045bda3413182ef879ca83ea720_Title">
              <a:extLst>
                <a:ext uri="{FF2B5EF4-FFF2-40B4-BE49-F238E27FC236}">
                  <a16:creationId xmlns:a16="http://schemas.microsoft.com/office/drawing/2014/main" id="{62DC8B80-B6EA-BD46-A2FE-01D4185919F7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5174230" y="155972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105" name="OTLSHAPE_M_1d6d4045bda3413182ef879ca83ea720_Date">
              <a:extLst>
                <a:ext uri="{FF2B5EF4-FFF2-40B4-BE49-F238E27FC236}">
                  <a16:creationId xmlns:a16="http://schemas.microsoft.com/office/drawing/2014/main" id="{FA5FC2D6-61CA-364A-9EFC-B300ED90F98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5239740" y="175563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7/2020</a:t>
              </a:r>
            </a:p>
          </p:txBody>
        </p:sp>
        <p:sp>
          <p:nvSpPr>
            <p:cNvPr id="106" name="OTLSHAPE_M_1d6d4045bda3413182ef879ca83ea720_Shape">
              <a:extLst>
                <a:ext uri="{FF2B5EF4-FFF2-40B4-BE49-F238E27FC236}">
                  <a16:creationId xmlns:a16="http://schemas.microsoft.com/office/drawing/2014/main" id="{34B230D4-BEA9-2448-8647-7DBC58025D30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 flipV="1">
              <a:off x="5406216" y="1936064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7" name="OTLSHAPE_M_ad26212a624042f8946c3ee929d0bce4_Title">
              <a:extLst>
                <a:ext uri="{FF2B5EF4-FFF2-40B4-BE49-F238E27FC236}">
                  <a16:creationId xmlns:a16="http://schemas.microsoft.com/office/drawing/2014/main" id="{B7E8A0E6-9C12-A642-BCD2-942C590212F3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6169455" y="1367437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108" name="OTLSHAPE_M_ad26212a624042f8946c3ee929d0bce4_Date">
              <a:extLst>
                <a:ext uri="{FF2B5EF4-FFF2-40B4-BE49-F238E27FC236}">
                  <a16:creationId xmlns:a16="http://schemas.microsoft.com/office/drawing/2014/main" id="{F9ECC042-F52B-0D4E-961B-FEDD0A29E6EA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6639355" y="1563356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6/4/2021</a:t>
              </a:r>
            </a:p>
          </p:txBody>
        </p:sp>
        <p:sp>
          <p:nvSpPr>
            <p:cNvPr id="109" name="OTLSHAPE_M_ad26212a624042f8946c3ee929d0bce4_Shape">
              <a:extLst>
                <a:ext uri="{FF2B5EF4-FFF2-40B4-BE49-F238E27FC236}">
                  <a16:creationId xmlns:a16="http://schemas.microsoft.com/office/drawing/2014/main" id="{F2AD90DB-007C-3A45-BFCF-42C3A23D2B53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flipV="1">
              <a:off x="6805831" y="1936064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0" name="OTLSHAPE_M_42fdb2d4d8a3473fbbe4f286c2bc756f_Title">
              <a:extLst>
                <a:ext uri="{FF2B5EF4-FFF2-40B4-BE49-F238E27FC236}">
                  <a16:creationId xmlns:a16="http://schemas.microsoft.com/office/drawing/2014/main" id="{0BAA0C82-CEAF-8F4A-A81E-C4D09C985784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7267064" y="902194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111" name="OTLSHAPE_M_42fdb2d4d8a3473fbbe4f286c2bc756f_Date">
              <a:extLst>
                <a:ext uri="{FF2B5EF4-FFF2-40B4-BE49-F238E27FC236}">
                  <a16:creationId xmlns:a16="http://schemas.microsoft.com/office/drawing/2014/main" id="{34359E06-58DA-B643-B4DE-5415F93A1F98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7183604" y="109811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9/8/2021</a:t>
              </a:r>
            </a:p>
          </p:txBody>
        </p:sp>
        <p:sp>
          <p:nvSpPr>
            <p:cNvPr id="112" name="OTLSHAPE_M_42fdb2d4d8a3473fbbe4f286c2bc756f_Shape">
              <a:extLst>
                <a:ext uri="{FF2B5EF4-FFF2-40B4-BE49-F238E27FC236}">
                  <a16:creationId xmlns:a16="http://schemas.microsoft.com/office/drawing/2014/main" id="{E0374868-FD7B-D64F-B100-DF7036FA2CB3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 flipV="1">
              <a:off x="7317885" y="1936064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T_35fa87780a724d3f88c464bfa9e80943_Shape">
              <a:extLst>
                <a:ext uri="{FF2B5EF4-FFF2-40B4-BE49-F238E27FC236}">
                  <a16:creationId xmlns:a16="http://schemas.microsoft.com/office/drawing/2014/main" id="{32BFE1BC-5A4C-984B-9857-952564108016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2818824" y="2732523"/>
              <a:ext cx="9144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4" name="OTLSHAPE_T_35fa87780a724d3f88c464bfa9e80943_Title">
              <a:extLst>
                <a:ext uri="{FF2B5EF4-FFF2-40B4-BE49-F238E27FC236}">
                  <a16:creationId xmlns:a16="http://schemas.microsoft.com/office/drawing/2014/main" id="{585EC5AA-741B-B049-ADF8-66D735D3C490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3781565" y="2710764"/>
              <a:ext cx="120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Infrastructure Works</a:t>
              </a:r>
            </a:p>
          </p:txBody>
        </p:sp>
        <p:sp>
          <p:nvSpPr>
            <p:cNvPr id="115" name="OTLSHAPE_T_781edde2b8ce4fd6954c16722e00dca3_Shape">
              <a:extLst>
                <a:ext uri="{FF2B5EF4-FFF2-40B4-BE49-F238E27FC236}">
                  <a16:creationId xmlns:a16="http://schemas.microsoft.com/office/drawing/2014/main" id="{72592657-DB74-B749-A9F6-B001B8492594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3057782" y="2941142"/>
              <a:ext cx="6731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OTLSHAPE_T_781edde2b8ce4fd6954c16722e00dca3_Title">
              <a:extLst>
                <a:ext uri="{FF2B5EF4-FFF2-40B4-BE49-F238E27FC236}">
                  <a16:creationId xmlns:a16="http://schemas.microsoft.com/office/drawing/2014/main" id="{E5DDE9DB-538F-C54E-B70B-CD5D01DF39A9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781565" y="2919383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F System (RFQ and DTL1)</a:t>
              </a:r>
            </a:p>
          </p:txBody>
        </p:sp>
        <p:sp>
          <p:nvSpPr>
            <p:cNvPr id="117" name="OTLSHAPE_T_9db17068f3234bb295309c8453f98d9a_Shape">
              <a:extLst>
                <a:ext uri="{FF2B5EF4-FFF2-40B4-BE49-F238E27FC236}">
                  <a16:creationId xmlns:a16="http://schemas.microsoft.com/office/drawing/2014/main" id="{C121C605-A048-E745-A9E8-7E45C5BE3EBD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3740521" y="3149761"/>
              <a:ext cx="13335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8" name="OTLSHAPE_T_9db17068f3234bb295309c8453f98d9a_Title">
              <a:extLst>
                <a:ext uri="{FF2B5EF4-FFF2-40B4-BE49-F238E27FC236}">
                  <a16:creationId xmlns:a16="http://schemas.microsoft.com/office/drawing/2014/main" id="{8FA7A36B-CE6F-CC4A-8F21-0C77BFE59896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5112906" y="3128001"/>
              <a:ext cx="1447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F System (Full NC Linac)</a:t>
              </a:r>
            </a:p>
          </p:txBody>
        </p:sp>
        <p:sp>
          <p:nvSpPr>
            <p:cNvPr id="119" name="OTLSHAPE_T_e53aab63b7394d8fa11d5487e37b1dfd_Shape">
              <a:extLst>
                <a:ext uri="{FF2B5EF4-FFF2-40B4-BE49-F238E27FC236}">
                  <a16:creationId xmlns:a16="http://schemas.microsoft.com/office/drawing/2014/main" id="{941F9953-FB8F-9C42-A519-3125EA9FA2A9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3194330" y="3358380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OTLSHAPE_T_e53aab63b7394d8fa11d5487e37b1dfd_Title">
              <a:extLst>
                <a:ext uri="{FF2B5EF4-FFF2-40B4-BE49-F238E27FC236}">
                  <a16:creationId xmlns:a16="http://schemas.microsoft.com/office/drawing/2014/main" id="{5868D609-98F3-FB4E-BBF8-C6864AF192CA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3576743" y="3336620"/>
              <a:ext cx="29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TL4</a:t>
              </a:r>
            </a:p>
          </p:txBody>
        </p:sp>
        <p:sp>
          <p:nvSpPr>
            <p:cNvPr id="121" name="OTLSHAPE_T_6fe8cbc46e7e42e1b4b28d21a62e1934_Shape">
              <a:extLst>
                <a:ext uri="{FF2B5EF4-FFF2-40B4-BE49-F238E27FC236}">
                  <a16:creationId xmlns:a16="http://schemas.microsoft.com/office/drawing/2014/main" id="{40225ADB-3971-314E-B07B-C3DCF132FA02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3091919" y="3566998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OTLSHAPE_T_6fe8cbc46e7e42e1b4b28d21a62e1934_Title">
              <a:extLst>
                <a:ext uri="{FF2B5EF4-FFF2-40B4-BE49-F238E27FC236}">
                  <a16:creationId xmlns:a16="http://schemas.microsoft.com/office/drawing/2014/main" id="{84438DEB-B893-BE45-B8A6-9F20F9B574C7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474332" y="3545239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FQ</a:t>
              </a:r>
            </a:p>
          </p:txBody>
        </p:sp>
        <p:sp>
          <p:nvSpPr>
            <p:cNvPr id="123" name="OTLSHAPE_T_7ff45ec70dc7427caea6cbde62d9f140_Shape">
              <a:extLst>
                <a:ext uri="{FF2B5EF4-FFF2-40B4-BE49-F238E27FC236}">
                  <a16:creationId xmlns:a16="http://schemas.microsoft.com/office/drawing/2014/main" id="{8C8681E6-6EC6-5446-BF97-42E7917FCCD7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365015" y="3775617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OTLSHAPE_T_7ff45ec70dc7427caea6cbde62d9f140_Title">
              <a:extLst>
                <a:ext uri="{FF2B5EF4-FFF2-40B4-BE49-F238E27FC236}">
                  <a16:creationId xmlns:a16="http://schemas.microsoft.com/office/drawing/2014/main" id="{14264943-757A-9C45-9A0C-C93D7EA74191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747428" y="3753857"/>
              <a:ext cx="34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EBT</a:t>
              </a:r>
            </a:p>
          </p:txBody>
        </p:sp>
        <p:sp>
          <p:nvSpPr>
            <p:cNvPr id="125" name="OTLSHAPE_T_14059a7a130b4c8fa4f70149318ee3bd_Shape">
              <a:extLst>
                <a:ext uri="{FF2B5EF4-FFF2-40B4-BE49-F238E27FC236}">
                  <a16:creationId xmlns:a16="http://schemas.microsoft.com/office/drawing/2014/main" id="{C57F52F4-8594-224A-B0CF-C4AE43B07A43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3535700" y="3984235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T_14059a7a130b4c8fa4f70149318ee3bd_Title">
              <a:extLst>
                <a:ext uri="{FF2B5EF4-FFF2-40B4-BE49-F238E27FC236}">
                  <a16:creationId xmlns:a16="http://schemas.microsoft.com/office/drawing/2014/main" id="{B6A31DEF-4D08-E94D-8CF9-C59CEBB11BCE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3918112" y="3962476"/>
              <a:ext cx="29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TL1</a:t>
              </a:r>
            </a:p>
          </p:txBody>
        </p:sp>
        <p:sp>
          <p:nvSpPr>
            <p:cNvPr id="127" name="OTLSHAPE_T_69c1e243927740df80e0c6ec2f4b7306_Shape">
              <a:extLst>
                <a:ext uri="{FF2B5EF4-FFF2-40B4-BE49-F238E27FC236}">
                  <a16:creationId xmlns:a16="http://schemas.microsoft.com/office/drawing/2014/main" id="{ADC3C5A2-0FD2-9145-A6B0-F4267BB3DBA9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3740521" y="4192854"/>
              <a:ext cx="1270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OTLSHAPE_T_69c1e243927740df80e0c6ec2f4b7306_Title">
              <a:extLst>
                <a:ext uri="{FF2B5EF4-FFF2-40B4-BE49-F238E27FC236}">
                  <a16:creationId xmlns:a16="http://schemas.microsoft.com/office/drawing/2014/main" id="{A3A29EEF-E58C-804B-80DF-838235B728C5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3918112" y="4171095"/>
              <a:ext cx="90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PSS1 Validation</a:t>
              </a:r>
            </a:p>
          </p:txBody>
        </p:sp>
        <p:sp>
          <p:nvSpPr>
            <p:cNvPr id="129" name="OTLSHAPE_T_dc02ad61ae844266a07ba85fff9de83a_Shape">
              <a:extLst>
                <a:ext uri="{FF2B5EF4-FFF2-40B4-BE49-F238E27FC236}">
                  <a16:creationId xmlns:a16="http://schemas.microsoft.com/office/drawing/2014/main" id="{2173E0E0-D021-5948-BEEC-1188A23D7191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3877069" y="4401473"/>
              <a:ext cx="3683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OTLSHAPE_T_dc02ad61ae844266a07ba85fff9de83a_Title">
              <a:extLst>
                <a:ext uri="{FF2B5EF4-FFF2-40B4-BE49-F238E27FC236}">
                  <a16:creationId xmlns:a16="http://schemas.microsoft.com/office/drawing/2014/main" id="{BB470FA6-F769-384B-80F3-DFBF5D83A238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4293619" y="4379713"/>
              <a:ext cx="184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F Conditioning (RFQ and DTL1)</a:t>
              </a:r>
            </a:p>
          </p:txBody>
        </p:sp>
        <p:sp>
          <p:nvSpPr>
            <p:cNvPr id="131" name="OTLSHAPE_T_5cf927010be048dba67106feffe4e6c2_Shape">
              <a:extLst>
                <a:ext uri="{FF2B5EF4-FFF2-40B4-BE49-F238E27FC236}">
                  <a16:creationId xmlns:a16="http://schemas.microsoft.com/office/drawing/2014/main" id="{64FA8573-118D-EA4C-BCBD-F03CD312F880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4252576" y="4610091"/>
              <a:ext cx="635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T_5cf927010be048dba67106feffe4e6c2_Title">
              <a:extLst>
                <a:ext uri="{FF2B5EF4-FFF2-40B4-BE49-F238E27FC236}">
                  <a16:creationId xmlns:a16="http://schemas.microsoft.com/office/drawing/2014/main" id="{6630D7F0-C500-BA4E-AE40-6F8BF1110EB5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4361893" y="4588332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RR2</a:t>
              </a:r>
            </a:p>
          </p:txBody>
        </p:sp>
        <p:sp>
          <p:nvSpPr>
            <p:cNvPr id="133" name="OTLSHAPE_T_a72785f6d6514ae6a8c9082e01c2eb68_Shape">
              <a:extLst>
                <a:ext uri="{FF2B5EF4-FFF2-40B4-BE49-F238E27FC236}">
                  <a16:creationId xmlns:a16="http://schemas.microsoft.com/office/drawing/2014/main" id="{6A1CE050-5F43-FE4F-A3E0-1F3397B2A42B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4320849" y="4818710"/>
              <a:ext cx="4699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OTLSHAPE_T_a72785f6d6514ae6a8c9082e01c2eb68_Title">
              <a:extLst>
                <a:ext uri="{FF2B5EF4-FFF2-40B4-BE49-F238E27FC236}">
                  <a16:creationId xmlns:a16="http://schemas.microsoft.com/office/drawing/2014/main" id="{DFCB5FD1-7521-4241-A8BB-77F8753074F2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4839810" y="4796951"/>
              <a:ext cx="2044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Beam Commissioning (ISrc to DTL1)</a:t>
              </a:r>
            </a:p>
          </p:txBody>
        </p:sp>
        <p:sp>
          <p:nvSpPr>
            <p:cNvPr id="135" name="OTLSHAPE_T_3e09bcd0453c4ff9b5b6b9f6b90aaee3_Shape">
              <a:extLst>
                <a:ext uri="{FF2B5EF4-FFF2-40B4-BE49-F238E27FC236}">
                  <a16:creationId xmlns:a16="http://schemas.microsoft.com/office/drawing/2014/main" id="{EDBA4116-CF01-514D-B953-1D723BD05045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4798767" y="5027329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6" name="OTLSHAPE_T_3e09bcd0453c4ff9b5b6b9f6b90aaee3_Title">
              <a:extLst>
                <a:ext uri="{FF2B5EF4-FFF2-40B4-BE49-F238E27FC236}">
                  <a16:creationId xmlns:a16="http://schemas.microsoft.com/office/drawing/2014/main" id="{2156025C-528D-0546-A014-38D4EC2BE857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5181179" y="5005569"/>
              <a:ext cx="29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TL2</a:t>
              </a:r>
            </a:p>
          </p:txBody>
        </p:sp>
        <p:sp>
          <p:nvSpPr>
            <p:cNvPr id="137" name="OTLSHAPE_T_d8b4bd51874046289f3134217a067f46_Shape">
              <a:extLst>
                <a:ext uri="{FF2B5EF4-FFF2-40B4-BE49-F238E27FC236}">
                  <a16:creationId xmlns:a16="http://schemas.microsoft.com/office/drawing/2014/main" id="{1EE8E605-9A24-A74B-875C-70F9D5FFB89A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4798767" y="5235947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8" name="OTLSHAPE_T_d8b4bd51874046289f3134217a067f46_Title">
              <a:extLst>
                <a:ext uri="{FF2B5EF4-FFF2-40B4-BE49-F238E27FC236}">
                  <a16:creationId xmlns:a16="http://schemas.microsoft.com/office/drawing/2014/main" id="{94DC0700-BCB8-004E-B658-8248C72419F5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5181179" y="5214188"/>
              <a:ext cx="29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TL3</a:t>
              </a:r>
            </a:p>
          </p:txBody>
        </p:sp>
        <p:sp>
          <p:nvSpPr>
            <p:cNvPr id="139" name="OTLSHAPE_T_e5c93c8252d5477c8efc6eb62d2cd526_Shape">
              <a:extLst>
                <a:ext uri="{FF2B5EF4-FFF2-40B4-BE49-F238E27FC236}">
                  <a16:creationId xmlns:a16="http://schemas.microsoft.com/office/drawing/2014/main" id="{2796E884-B605-834C-9B7D-63D6505B24D1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>
              <a:off x="5071863" y="5444566"/>
              <a:ext cx="635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_e5c93c8252d5477c8efc6eb62d2cd526_Title">
              <a:extLst>
                <a:ext uri="{FF2B5EF4-FFF2-40B4-BE49-F238E27FC236}">
                  <a16:creationId xmlns:a16="http://schemas.microsoft.com/office/drawing/2014/main" id="{EA3AF9BE-73B9-C648-ACA0-B56C623067C9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5181179" y="5422807"/>
              <a:ext cx="109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PSS1 Re-Validation</a:t>
              </a:r>
            </a:p>
          </p:txBody>
        </p:sp>
        <p:sp>
          <p:nvSpPr>
            <p:cNvPr id="141" name="OTLSHAPE_T_1c4ad01de0184e0a8a323273b91bbbc9_Shape">
              <a:extLst>
                <a:ext uri="{FF2B5EF4-FFF2-40B4-BE49-F238E27FC236}">
                  <a16:creationId xmlns:a16="http://schemas.microsoft.com/office/drawing/2014/main" id="{CF142929-72D0-C94C-82E3-FD5525C3C724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>
              <a:off x="5140136" y="5653185"/>
              <a:ext cx="3048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2" name="OTLSHAPE_T_1c4ad01de0184e0a8a323273b91bbbc9_Title">
              <a:extLst>
                <a:ext uri="{FF2B5EF4-FFF2-40B4-BE49-F238E27FC236}">
                  <a16:creationId xmlns:a16="http://schemas.microsoft.com/office/drawing/2014/main" id="{FCE2F83B-4AAD-C74D-AA24-F97418E07893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5488412" y="5631425"/>
              <a:ext cx="1536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F Conditioning (DTL2,3,4)</a:t>
              </a:r>
            </a:p>
          </p:txBody>
        </p:sp>
        <p:sp>
          <p:nvSpPr>
            <p:cNvPr id="143" name="OTLSHAPE_T_4312729c92f347ad89cf9bf965707e8f_Shape">
              <a:extLst>
                <a:ext uri="{FF2B5EF4-FFF2-40B4-BE49-F238E27FC236}">
                  <a16:creationId xmlns:a16="http://schemas.microsoft.com/office/drawing/2014/main" id="{7D4C9034-A70B-A441-8A00-35AAFB6B7CCF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>
              <a:off x="5447369" y="5861803"/>
              <a:ext cx="635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4" name="OTLSHAPE_T_4312729c92f347ad89cf9bf965707e8f_Title">
              <a:extLst>
                <a:ext uri="{FF2B5EF4-FFF2-40B4-BE49-F238E27FC236}">
                  <a16:creationId xmlns:a16="http://schemas.microsoft.com/office/drawing/2014/main" id="{E58C0461-4773-8F41-BEB0-CA68FC94D71E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5556686" y="5840044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RR3</a:t>
              </a:r>
            </a:p>
          </p:txBody>
        </p:sp>
        <p:sp>
          <p:nvSpPr>
            <p:cNvPr id="145" name="OTLSHAPE_T_b0c2dd7ea5e04090a5de3185f79e5c8c_Shape">
              <a:extLst>
                <a:ext uri="{FF2B5EF4-FFF2-40B4-BE49-F238E27FC236}">
                  <a16:creationId xmlns:a16="http://schemas.microsoft.com/office/drawing/2014/main" id="{6791FB7E-6CAB-6544-8024-1EAA6410CCB3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5515643" y="6070422"/>
              <a:ext cx="444500" cy="127000"/>
            </a:xfrm>
            <a:prstGeom prst="roundRect">
              <a:avLst>
                <a:gd name="adj" fmla="val 100000"/>
              </a:avLst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6" name="OTLSHAPE_T_b0c2dd7ea5e04090a5de3185f79e5c8c_Title">
              <a:extLst>
                <a:ext uri="{FF2B5EF4-FFF2-40B4-BE49-F238E27FC236}">
                  <a16:creationId xmlns:a16="http://schemas.microsoft.com/office/drawing/2014/main" id="{11E52CFA-5926-244C-BE74-B4234243F1C9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6000466" y="6048663"/>
              <a:ext cx="2044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Beam Commissioning (ISrc to DTL4)</a:t>
              </a:r>
            </a:p>
          </p:txBody>
        </p:sp>
        <p:sp>
          <p:nvSpPr>
            <p:cNvPr id="147" name="OTLSHAPE_T_984060b3f80c42e99440dce585c7d532_Shape">
              <a:extLst>
                <a:ext uri="{FF2B5EF4-FFF2-40B4-BE49-F238E27FC236}">
                  <a16:creationId xmlns:a16="http://schemas.microsoft.com/office/drawing/2014/main" id="{06C0F9D3-B7C1-1B46-8265-2A9D4B970AB2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>
              <a:off x="5959423" y="6279041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8" name="OTLSHAPE_T_984060b3f80c42e99440dce585c7d532_Title">
              <a:extLst>
                <a:ext uri="{FF2B5EF4-FFF2-40B4-BE49-F238E27FC236}">
                  <a16:creationId xmlns:a16="http://schemas.microsoft.com/office/drawing/2014/main" id="{2FDBF45B-16E7-334A-AA52-9E64E2AF0B44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6341836" y="6257281"/>
              <a:ext cx="29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TL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4679858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39B85-5638-BF48-8AC1-185C2DFFF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: Main Risks and Opportunit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247C38-202F-5F47-9612-97D031052B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Risks</a:t>
            </a:r>
          </a:p>
          <a:p>
            <a:pPr lvl="1"/>
            <a:r>
              <a:rPr lang="en-GB" dirty="0"/>
              <a:t>RFQ and DTL deliveries</a:t>
            </a:r>
          </a:p>
          <a:p>
            <a:pPr lvl="1"/>
            <a:r>
              <a:rPr lang="en-GB" dirty="0"/>
              <a:t>Infrastructure works late</a:t>
            </a:r>
          </a:p>
          <a:p>
            <a:pPr lvl="1"/>
            <a:r>
              <a:rPr lang="en-GB" dirty="0"/>
              <a:t>RF System delays</a:t>
            </a:r>
          </a:p>
          <a:p>
            <a:pPr lvl="1"/>
            <a:endParaRPr lang="en-GB" dirty="0"/>
          </a:p>
          <a:p>
            <a:r>
              <a:rPr lang="en-GB" dirty="0"/>
              <a:t>Opportunities:</a:t>
            </a:r>
          </a:p>
          <a:p>
            <a:pPr lvl="1"/>
            <a:r>
              <a:rPr lang="en-GB" dirty="0"/>
              <a:t>Schedule flexibility</a:t>
            </a:r>
          </a:p>
          <a:p>
            <a:pPr lvl="1"/>
            <a:r>
              <a:rPr lang="en-GB" dirty="0"/>
              <a:t>Mitigating actions</a:t>
            </a:r>
          </a:p>
          <a:p>
            <a:pPr lvl="1"/>
            <a:r>
              <a:rPr lang="en-GB" dirty="0"/>
              <a:t>Parallel NC beam commissioning/SC installation wor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641DE2C-89B2-F349-9844-43F7155673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13259430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6E56C5-EC56-F842-A611-BE1B80F94C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D16E00-80A0-7C41-89EF-5189059997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199"/>
            <a:ext cx="8363272" cy="5121275"/>
          </a:xfrm>
        </p:spPr>
        <p:txBody>
          <a:bodyPr>
            <a:normAutofit fontScale="77500" lnSpcReduction="20000"/>
          </a:bodyPr>
          <a:lstStyle/>
          <a:p>
            <a:r>
              <a:rPr lang="en-GB" dirty="0"/>
              <a:t>CDS:</a:t>
            </a:r>
          </a:p>
          <a:p>
            <a:pPr lvl="1"/>
            <a:r>
              <a:rPr lang="en-GB" dirty="0"/>
              <a:t>For the Elliptical CDS, a delay on the start of installation was reported compared to the baseline:</a:t>
            </a:r>
          </a:p>
          <a:p>
            <a:pPr lvl="2"/>
            <a:r>
              <a:rPr lang="en-GB" dirty="0"/>
              <a:t>December 2018 to March 2019.</a:t>
            </a:r>
          </a:p>
          <a:p>
            <a:pPr lvl="1"/>
            <a:r>
              <a:rPr lang="en-GB" dirty="0"/>
              <a:t>A faster production and installation pace was proposed such that the commissioning date of the full CDS (Elliptical and Spoke) is maintained (November 2019).</a:t>
            </a:r>
          </a:p>
          <a:p>
            <a:r>
              <a:rPr lang="en-GB" dirty="0"/>
              <a:t>Spoke CMs (CM1 – CM13):</a:t>
            </a:r>
          </a:p>
          <a:p>
            <a:pPr lvl="1"/>
            <a:r>
              <a:rPr lang="en-GB" dirty="0"/>
              <a:t>Baseline RFIs: June 2019 to July 2020</a:t>
            </a:r>
          </a:p>
          <a:p>
            <a:pPr lvl="2"/>
            <a:r>
              <a:rPr lang="en-GB" dirty="0"/>
              <a:t>Assumes 9 weeks of testing at FREIA for CM1, 6 weeks for CM2 and CM3 and 4 weeks for the rest.</a:t>
            </a:r>
          </a:p>
          <a:p>
            <a:pPr lvl="2"/>
            <a:r>
              <a:rPr lang="en-GB" dirty="0"/>
              <a:t>Assuming 6 weeks of testing for all CMs would shift the delivery of CM13 to December 2020</a:t>
            </a:r>
          </a:p>
          <a:p>
            <a:pPr lvl="2"/>
            <a:r>
              <a:rPr lang="en-GB" dirty="0"/>
              <a:t>A possible delay of up to 2 months was flagged up. </a:t>
            </a:r>
          </a:p>
          <a:p>
            <a:r>
              <a:rPr lang="en-GB" dirty="0"/>
              <a:t>SC RF System:</a:t>
            </a:r>
          </a:p>
          <a:p>
            <a:pPr lvl="1"/>
            <a:r>
              <a:rPr lang="en-GB" dirty="0"/>
              <a:t>Spoke RF Amplifiers:  3 months delays as tender was challenged.</a:t>
            </a:r>
          </a:p>
          <a:p>
            <a:pPr lvl="1"/>
            <a:r>
              <a:rPr lang="en-GB" dirty="0"/>
              <a:t>MBL Klystron deliveries have started.</a:t>
            </a:r>
          </a:p>
          <a:p>
            <a:pPr lvl="1"/>
            <a:r>
              <a:rPr lang="en-GB" dirty="0"/>
              <a:t>Good installation progress in the Galle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B04984B-F436-C647-A04E-CA7CB81613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1087930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01567C-92C8-4244-A044-CCA4A8F06B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1BD598-DC01-3F45-81BA-5F07BA020D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853136"/>
          </a:xfrm>
        </p:spPr>
        <p:txBody>
          <a:bodyPr>
            <a:normAutofit fontScale="77500" lnSpcReduction="20000"/>
          </a:bodyPr>
          <a:lstStyle/>
          <a:p>
            <a:endParaRPr lang="en-GB" dirty="0"/>
          </a:p>
          <a:p>
            <a:r>
              <a:rPr lang="en-GB" dirty="0"/>
              <a:t>MB CMs (CM1 – CM9):</a:t>
            </a:r>
          </a:p>
          <a:p>
            <a:pPr lvl="1"/>
            <a:r>
              <a:rPr lang="en-GB" dirty="0"/>
              <a:t>RFIs: October 2019 to August 2020</a:t>
            </a:r>
          </a:p>
          <a:p>
            <a:pPr lvl="2"/>
            <a:r>
              <a:rPr lang="en-GB" dirty="0"/>
              <a:t>Major changes in assembly schedule at CEA</a:t>
            </a:r>
          </a:p>
          <a:p>
            <a:pPr lvl="2"/>
            <a:r>
              <a:rPr lang="en-GB" dirty="0"/>
              <a:t>~2 months delay on the cavities. No mitigation possible.</a:t>
            </a:r>
          </a:p>
          <a:p>
            <a:pPr lvl="2"/>
            <a:r>
              <a:rPr lang="en-GB" dirty="0"/>
              <a:t>~4 months cumulative delay on the CM. This pushes the delivery of the last MB CM to December 2020. </a:t>
            </a:r>
          </a:p>
          <a:p>
            <a:pPr lvl="2"/>
            <a:r>
              <a:rPr lang="en-GB" dirty="0"/>
              <a:t>Some mitigation possible (testing reshuffle, skip the installation of the 2 unpowered HB CMs to reduce the impact on RBOT).</a:t>
            </a:r>
          </a:p>
          <a:p>
            <a:pPr lvl="2"/>
            <a:endParaRPr lang="en-GB" dirty="0"/>
          </a:p>
          <a:p>
            <a:r>
              <a:rPr lang="en-GB" dirty="0"/>
              <a:t>HB CMs (CM1 - CM11):</a:t>
            </a:r>
          </a:p>
          <a:p>
            <a:pPr lvl="1"/>
            <a:r>
              <a:rPr lang="en-GB" dirty="0"/>
              <a:t>Baseline RFIs: October 2020 to October 2021</a:t>
            </a:r>
          </a:p>
          <a:p>
            <a:pPr lvl="2"/>
            <a:r>
              <a:rPr lang="en-GB" dirty="0"/>
              <a:t>As above. The RFI for the first HB CM is now January 2021</a:t>
            </a:r>
          </a:p>
          <a:p>
            <a:r>
              <a:rPr lang="en-GB" dirty="0"/>
              <a:t>LWUs:</a:t>
            </a:r>
          </a:p>
          <a:p>
            <a:pPr lvl="1"/>
            <a:r>
              <a:rPr lang="en-GB" dirty="0"/>
              <a:t>New delivery schedule for all the magnets from Elettra is now available.</a:t>
            </a:r>
          </a:p>
          <a:p>
            <a:pPr lvl="1"/>
            <a:r>
              <a:rPr lang="en-GB" dirty="0"/>
              <a:t>Installation near Critical Path. Affected by the late access to A2T building.</a:t>
            </a:r>
          </a:p>
          <a:p>
            <a:pPr lvl="1"/>
            <a:r>
              <a:rPr lang="en-GB" dirty="0"/>
              <a:t>Sequence updated and optimised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956870A-954A-4645-AAA6-2B848866A9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65749609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9FDC39-F032-6546-8E81-E9D85BA1C0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PK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FB7E6AF-FD21-374A-B784-B04DC035CE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/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2C6B2A80-BF5A-664F-A72D-E0BCFA663855}"/>
              </a:ext>
            </a:extLst>
          </p:cNvPr>
          <p:cNvGrpSpPr/>
          <p:nvPr/>
        </p:nvGrpSpPr>
        <p:grpSpPr>
          <a:xfrm>
            <a:off x="402367" y="2213335"/>
            <a:ext cx="8058065" cy="2760811"/>
            <a:chOff x="254000" y="2213335"/>
            <a:chExt cx="8058065" cy="2760811"/>
          </a:xfrm>
        </p:grpSpPr>
        <p:cxnSp>
          <p:nvCxnSpPr>
            <p:cNvPr id="47" name="OTLSHAPE_M_ad26212a624042f8946c3ee929d0bce4_Connector1">
              <a:extLst>
                <a:ext uri="{FF2B5EF4-FFF2-40B4-BE49-F238E27FC236}">
                  <a16:creationId xmlns:a16="http://schemas.microsoft.com/office/drawing/2014/main" id="{F7A3BA37-B07F-F549-B2EB-B99FEAEC7778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920131" y="2589679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8" name="OTLSHAPE_TB_00000000000000000000000000000000_ScaleContainer">
              <a:extLst>
                <a:ext uri="{FF2B5EF4-FFF2-40B4-BE49-F238E27FC236}">
                  <a16:creationId xmlns:a16="http://schemas.microsoft.com/office/drawing/2014/main" id="{75B6B498-AF99-314D-BE4F-AF0AFDBD97A8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245422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9" name="OTLSHAPE_TB_00000000000000000000000000000000_ElapsedTime">
              <a:extLst>
                <a:ext uri="{FF2B5EF4-FFF2-40B4-BE49-F238E27FC236}">
                  <a16:creationId xmlns:a16="http://schemas.microsoft.com/office/drawing/2014/main" id="{6663DFC0-9C80-AA45-A25D-734BF5E959FD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245422"/>
              <a:ext cx="15748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" name="OTLSHAPE_TB_00000000000000000000000000000000_TimescaleInterval1">
              <a:extLst>
                <a:ext uri="{FF2B5EF4-FFF2-40B4-BE49-F238E27FC236}">
                  <a16:creationId xmlns:a16="http://schemas.microsoft.com/office/drawing/2014/main" id="{38C21DCC-BF40-2748-8F02-235E060B3A9A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51" name="OTLSHAPE_TB_00000000000000000000000000000000_Separator1">
              <a:extLst>
                <a:ext uri="{FF2B5EF4-FFF2-40B4-BE49-F238E27FC236}">
                  <a16:creationId xmlns:a16="http://schemas.microsoft.com/office/drawing/2014/main" id="{2243DC36-983F-D94C-B15A-7417B01D82D3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2" name="OTLSHAPE_TB_00000000000000000000000000000000_TimescaleInterval2">
              <a:extLst>
                <a:ext uri="{FF2B5EF4-FFF2-40B4-BE49-F238E27FC236}">
                  <a16:creationId xmlns:a16="http://schemas.microsoft.com/office/drawing/2014/main" id="{2CC6700B-C947-E840-802E-F5C8008D1216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53" name="OTLSHAPE_TB_00000000000000000000000000000000_Separator2">
              <a:extLst>
                <a:ext uri="{FF2B5EF4-FFF2-40B4-BE49-F238E27FC236}">
                  <a16:creationId xmlns:a16="http://schemas.microsoft.com/office/drawing/2014/main" id="{E0051695-8976-6C4B-A552-3D4BD5D9729F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4" name="OTLSHAPE_TB_00000000000000000000000000000000_TimescaleInterval3">
              <a:extLst>
                <a:ext uri="{FF2B5EF4-FFF2-40B4-BE49-F238E27FC236}">
                  <a16:creationId xmlns:a16="http://schemas.microsoft.com/office/drawing/2014/main" id="{968DD147-A6E1-6F4C-9D45-C356BDE2726B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55" name="OTLSHAPE_TB_00000000000000000000000000000000_Separator3">
              <a:extLst>
                <a:ext uri="{FF2B5EF4-FFF2-40B4-BE49-F238E27FC236}">
                  <a16:creationId xmlns:a16="http://schemas.microsoft.com/office/drawing/2014/main" id="{5852515C-FB62-B041-9169-08C95C6E52DE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6" name="OTLSHAPE_TB_00000000000000000000000000000000_TimescaleInterval4">
              <a:extLst>
                <a:ext uri="{FF2B5EF4-FFF2-40B4-BE49-F238E27FC236}">
                  <a16:creationId xmlns:a16="http://schemas.microsoft.com/office/drawing/2014/main" id="{CDDD7902-BE00-D947-B26A-6AF9B867DF04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57" name="OTLSHAPE_M_2d0797157b8f4b8eac03a9e74cdce7ed_Title">
              <a:extLst>
                <a:ext uri="{FF2B5EF4-FFF2-40B4-BE49-F238E27FC236}">
                  <a16:creationId xmlns:a16="http://schemas.microsoft.com/office/drawing/2014/main" id="{40F131A4-3C3D-8C43-8D4B-B26E9F1D061E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853907" y="2678579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58" name="OTLSHAPE_M_2d0797157b8f4b8eac03a9e74cdce7ed_Date">
              <a:extLst>
                <a:ext uri="{FF2B5EF4-FFF2-40B4-BE49-F238E27FC236}">
                  <a16:creationId xmlns:a16="http://schemas.microsoft.com/office/drawing/2014/main" id="{314154F3-BAEB-9445-BB76-9358693B3C57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960651" y="2874497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/9/2018</a:t>
              </a:r>
            </a:p>
          </p:txBody>
        </p:sp>
        <p:sp>
          <p:nvSpPr>
            <p:cNvPr id="59" name="OTLSHAPE_M_2d0797157b8f4b8eac03a9e74cdce7ed_Shape">
              <a:extLst>
                <a:ext uri="{FF2B5EF4-FFF2-40B4-BE49-F238E27FC236}">
                  <a16:creationId xmlns:a16="http://schemas.microsoft.com/office/drawing/2014/main" id="{3DBB2A2C-8D06-5F48-AE8A-41F6B88AFA3A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2094932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0" name="OTLSHAPE_M_15462190989a4e5087e6d7cc02e1ed2d_Title">
              <a:extLst>
                <a:ext uri="{FF2B5EF4-FFF2-40B4-BE49-F238E27FC236}">
                  <a16:creationId xmlns:a16="http://schemas.microsoft.com/office/drawing/2014/main" id="{21615A46-2650-7F47-A69F-DDA6E6B6C820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79436" y="2678579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61" name="OTLSHAPE_M_15462190989a4e5087e6d7cc02e1ed2d_Date">
              <a:extLst>
                <a:ext uri="{FF2B5EF4-FFF2-40B4-BE49-F238E27FC236}">
                  <a16:creationId xmlns:a16="http://schemas.microsoft.com/office/drawing/2014/main" id="{A6E22E6A-0643-7C43-83B7-1D4024915059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2753" y="2874497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/11/2019</a:t>
              </a:r>
            </a:p>
          </p:txBody>
        </p:sp>
        <p:sp>
          <p:nvSpPr>
            <p:cNvPr id="62" name="OTLSHAPE_M_15462190989a4e5087e6d7cc02e1ed2d_Shape">
              <a:extLst>
                <a:ext uri="{FF2B5EF4-FFF2-40B4-BE49-F238E27FC236}">
                  <a16:creationId xmlns:a16="http://schemas.microsoft.com/office/drawing/2014/main" id="{B2A5CDA2-443F-2245-AC11-1BF683AB5C4A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211423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1d6d4045bda3413182ef879ca83ea720_Title">
              <a:extLst>
                <a:ext uri="{FF2B5EF4-FFF2-40B4-BE49-F238E27FC236}">
                  <a16:creationId xmlns:a16="http://schemas.microsoft.com/office/drawing/2014/main" id="{32305BCF-5A63-704C-8070-30508863E5E3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174230" y="2678579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64" name="OTLSHAPE_M_1d6d4045bda3413182ef879ca83ea720_Date">
              <a:extLst>
                <a:ext uri="{FF2B5EF4-FFF2-40B4-BE49-F238E27FC236}">
                  <a16:creationId xmlns:a16="http://schemas.microsoft.com/office/drawing/2014/main" id="{726A786C-587C-324A-8439-D4312A25EDD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5239740" y="2874497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7/2020</a:t>
              </a:r>
            </a:p>
          </p:txBody>
        </p:sp>
        <p:sp>
          <p:nvSpPr>
            <p:cNvPr id="65" name="OTLSHAPE_M_1d6d4045bda3413182ef879ca83ea720_Shape">
              <a:extLst>
                <a:ext uri="{FF2B5EF4-FFF2-40B4-BE49-F238E27FC236}">
                  <a16:creationId xmlns:a16="http://schemas.microsoft.com/office/drawing/2014/main" id="{152FAF1B-D605-D746-81C1-82436F4413DB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406216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OTLSHAPE_M_ad26212a624042f8946c3ee929d0bce4_Title">
              <a:extLst>
                <a:ext uri="{FF2B5EF4-FFF2-40B4-BE49-F238E27FC236}">
                  <a16:creationId xmlns:a16="http://schemas.microsoft.com/office/drawing/2014/main" id="{4A05D3AA-1E25-0B40-BCE4-71A4ED473144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6169455" y="2213335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67" name="OTLSHAPE_M_ad26212a624042f8946c3ee929d0bce4_Date">
              <a:extLst>
                <a:ext uri="{FF2B5EF4-FFF2-40B4-BE49-F238E27FC236}">
                  <a16:creationId xmlns:a16="http://schemas.microsoft.com/office/drawing/2014/main" id="{B9574CF9-A65B-0F4D-9195-1401396614FF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639355" y="240925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6/4/2021</a:t>
              </a:r>
            </a:p>
          </p:txBody>
        </p:sp>
        <p:sp>
          <p:nvSpPr>
            <p:cNvPr id="68" name="OTLSHAPE_M_ad26212a624042f8946c3ee929d0bce4_Shape">
              <a:extLst>
                <a:ext uri="{FF2B5EF4-FFF2-40B4-BE49-F238E27FC236}">
                  <a16:creationId xmlns:a16="http://schemas.microsoft.com/office/drawing/2014/main" id="{BC224BFE-45F0-4E4F-81AA-7F9E4DAD1E70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805831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OTLSHAPE_M_42fdb2d4d8a3473fbbe4f286c2bc756f_Title">
              <a:extLst>
                <a:ext uri="{FF2B5EF4-FFF2-40B4-BE49-F238E27FC236}">
                  <a16:creationId xmlns:a16="http://schemas.microsoft.com/office/drawing/2014/main" id="{B105BAFC-10CD-9946-AEA6-FEEACA96746C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7267064" y="2678579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70" name="OTLSHAPE_M_42fdb2d4d8a3473fbbe4f286c2bc756f_Date">
              <a:extLst>
                <a:ext uri="{FF2B5EF4-FFF2-40B4-BE49-F238E27FC236}">
                  <a16:creationId xmlns:a16="http://schemas.microsoft.com/office/drawing/2014/main" id="{9FF0B509-10A2-164C-A986-010568D0E841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7183604" y="2874497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9/8/2021</a:t>
              </a:r>
            </a:p>
          </p:txBody>
        </p:sp>
        <p:sp>
          <p:nvSpPr>
            <p:cNvPr id="71" name="OTLSHAPE_M_42fdb2d4d8a3473fbbe4f286c2bc756f_Shape">
              <a:extLst>
                <a:ext uri="{FF2B5EF4-FFF2-40B4-BE49-F238E27FC236}">
                  <a16:creationId xmlns:a16="http://schemas.microsoft.com/office/drawing/2014/main" id="{70E9B18B-1365-A440-8DB9-DC1BADA946C2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7317885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T_014e0598bbeb415fbb324c7aac4a202f_Shape">
              <a:extLst>
                <a:ext uri="{FF2B5EF4-FFF2-40B4-BE49-F238E27FC236}">
                  <a16:creationId xmlns:a16="http://schemas.microsoft.com/office/drawing/2014/main" id="{6B6F46E1-A035-E748-B35B-4730F7DB732E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911206" y="3851382"/>
              <a:ext cx="4445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3" name="OTLSHAPE_T_014e0598bbeb415fbb324c7aac4a202f_JoinedDate">
              <a:extLst>
                <a:ext uri="{FF2B5EF4-FFF2-40B4-BE49-F238E27FC236}">
                  <a16:creationId xmlns:a16="http://schemas.microsoft.com/office/drawing/2014/main" id="{20F81037-88AB-194B-B41A-043F5C70962E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2795215" y="38373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9/08/19 - 15/11/19</a:t>
              </a:r>
            </a:p>
          </p:txBody>
        </p:sp>
        <p:sp>
          <p:nvSpPr>
            <p:cNvPr id="74" name="OTLSHAPE_T_014e0598bbeb415fbb324c7aac4a202f_Title">
              <a:extLst>
                <a:ext uri="{FF2B5EF4-FFF2-40B4-BE49-F238E27FC236}">
                  <a16:creationId xmlns:a16="http://schemas.microsoft.com/office/drawing/2014/main" id="{6D78A41D-930B-DC42-8723-38984183512E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396030" y="3829622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CDS Installation</a:t>
              </a:r>
            </a:p>
          </p:txBody>
        </p:sp>
        <p:sp>
          <p:nvSpPr>
            <p:cNvPr id="75" name="OTLSHAPE_T_e9d49bbbe35e40179c52ed9f3541250f_Shape">
              <a:extLst>
                <a:ext uri="{FF2B5EF4-FFF2-40B4-BE49-F238E27FC236}">
                  <a16:creationId xmlns:a16="http://schemas.microsoft.com/office/drawing/2014/main" id="{C14A42E3-C541-9045-A2D4-1D86B316BF93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354987" y="4060000"/>
              <a:ext cx="12954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6" name="OTLSHAPE_T_e9d49bbbe35e40179c52ed9f3541250f_JoinedDate">
              <a:extLst>
                <a:ext uri="{FF2B5EF4-FFF2-40B4-BE49-F238E27FC236}">
                  <a16:creationId xmlns:a16="http://schemas.microsoft.com/office/drawing/2014/main" id="{D1841F5E-6DF8-834E-BCE4-CE7A3FD36628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8995" y="4045988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8/11/19 - 07/08/20</a:t>
              </a:r>
            </a:p>
          </p:txBody>
        </p:sp>
        <p:sp>
          <p:nvSpPr>
            <p:cNvPr id="77" name="OTLSHAPE_T_e9d49bbbe35e40179c52ed9f3541250f_Title">
              <a:extLst>
                <a:ext uri="{FF2B5EF4-FFF2-40B4-BE49-F238E27FC236}">
                  <a16:creationId xmlns:a16="http://schemas.microsoft.com/office/drawing/2014/main" id="{F43AB9A9-CE2F-E142-A526-7A232558A026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693234" y="4038241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CM Installation</a:t>
              </a:r>
            </a:p>
          </p:txBody>
        </p:sp>
        <p:sp>
          <p:nvSpPr>
            <p:cNvPr id="78" name="OTLSHAPE_T_712e0e53cc3a4ed8ae317c645ee2d126_Shape">
              <a:extLst>
                <a:ext uri="{FF2B5EF4-FFF2-40B4-BE49-F238E27FC236}">
                  <a16:creationId xmlns:a16="http://schemas.microsoft.com/office/drawing/2014/main" id="{93AC3572-9EF6-CC41-B5DF-2DB1BDCE97E8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413232" y="4268619"/>
              <a:ext cx="469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OTLSHAPE_T_712e0e53cc3a4ed8ae317c645ee2d126_JoinedDate">
              <a:extLst>
                <a:ext uri="{FF2B5EF4-FFF2-40B4-BE49-F238E27FC236}">
                  <a16:creationId xmlns:a16="http://schemas.microsoft.com/office/drawing/2014/main" id="{8082DDD0-E1F7-F845-97A9-4E6C92EF1F1A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4297241" y="4254607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2/06/20 - 25/09/20</a:t>
              </a:r>
            </a:p>
          </p:txBody>
        </p:sp>
        <p:sp>
          <p:nvSpPr>
            <p:cNvPr id="80" name="OTLSHAPE_T_712e0e53cc3a4ed8ae317c645ee2d126_Title">
              <a:extLst>
                <a:ext uri="{FF2B5EF4-FFF2-40B4-BE49-F238E27FC236}">
                  <a16:creationId xmlns:a16="http://schemas.microsoft.com/office/drawing/2014/main" id="{AD7F0BB3-BBF5-1747-95AB-22CE724A63D3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5932193" y="4246859"/>
              <a:ext cx="120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LWU Installation</a:t>
              </a:r>
            </a:p>
          </p:txBody>
        </p:sp>
        <p:sp>
          <p:nvSpPr>
            <p:cNvPr id="81" name="OTLSHAPE_T_338e3a96f9ca4f5285cd87892ce15d89_Shape">
              <a:extLst>
                <a:ext uri="{FF2B5EF4-FFF2-40B4-BE49-F238E27FC236}">
                  <a16:creationId xmlns:a16="http://schemas.microsoft.com/office/drawing/2014/main" id="{E190F822-DE07-C346-9A79-DFCEF5BE32A6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043702" y="4547003"/>
              <a:ext cx="52578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2" name="OTLSHAPE_T_338e3a96f9ca4f5285cd87892ce15d89_JoinedDate">
              <a:extLst>
                <a:ext uri="{FF2B5EF4-FFF2-40B4-BE49-F238E27FC236}">
                  <a16:creationId xmlns:a16="http://schemas.microsoft.com/office/drawing/2014/main" id="{4C5C081B-8CC9-F543-8B46-3B32F4BF467A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254000" y="4455478"/>
              <a:ext cx="742374" cy="30891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0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8/01/18 - 18/12/20</a:t>
              </a:r>
            </a:p>
          </p:txBody>
        </p:sp>
        <p:sp>
          <p:nvSpPr>
            <p:cNvPr id="83" name="OTLSHAPE_T_338e3a96f9ca4f5285cd87892ce15d89_Title">
              <a:extLst>
                <a:ext uri="{FF2B5EF4-FFF2-40B4-BE49-F238E27FC236}">
                  <a16:creationId xmlns:a16="http://schemas.microsoft.com/office/drawing/2014/main" id="{8DA5DEBB-2AD9-6945-BBF3-AF1D75AD719B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341836" y="4525244"/>
              <a:ext cx="838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RF System</a:t>
              </a:r>
            </a:p>
          </p:txBody>
        </p:sp>
        <p:sp>
          <p:nvSpPr>
            <p:cNvPr id="84" name="OTLSHAPE_T_3f3ece26dcba4b0cb059e90572592887_Shape">
              <a:extLst>
                <a:ext uri="{FF2B5EF4-FFF2-40B4-BE49-F238E27FC236}">
                  <a16:creationId xmlns:a16="http://schemas.microsoft.com/office/drawing/2014/main" id="{F9BF692F-3B75-CA44-B0BE-AE060CD1D09C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4286713" y="4825387"/>
              <a:ext cx="2006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5" name="OTLSHAPE_T_3f3ece26dcba4b0cb059e90572592887_JoinedDate">
              <a:extLst>
                <a:ext uri="{FF2B5EF4-FFF2-40B4-BE49-F238E27FC236}">
                  <a16:creationId xmlns:a16="http://schemas.microsoft.com/office/drawing/2014/main" id="{B75ECE78-2770-B048-90A7-6C80893E619E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170721" y="481137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4/11/19 - 18/12/20</a:t>
              </a:r>
            </a:p>
          </p:txBody>
        </p:sp>
        <p:sp>
          <p:nvSpPr>
            <p:cNvPr id="86" name="OTLSHAPE_T_3f3ece26dcba4b0cb059e90572592887_Title">
              <a:extLst>
                <a:ext uri="{FF2B5EF4-FFF2-40B4-BE49-F238E27FC236}">
                  <a16:creationId xmlns:a16="http://schemas.microsoft.com/office/drawing/2014/main" id="{6EDB56BE-C12F-F847-B3F3-36B4FEB1E98F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341836" y="4803627"/>
              <a:ext cx="1295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RF Power St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6574827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FF03C3-CC57-E74D-B1E7-11E1F4CB28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BL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49D1FD-974B-2845-8318-126AE7A5EE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52788C58-30B1-1A4C-A434-F09C172DC255}"/>
              </a:ext>
            </a:extLst>
          </p:cNvPr>
          <p:cNvGrpSpPr/>
          <p:nvPr/>
        </p:nvGrpSpPr>
        <p:grpSpPr>
          <a:xfrm>
            <a:off x="200807" y="2157922"/>
            <a:ext cx="8553218" cy="2829899"/>
            <a:chOff x="200807" y="2157922"/>
            <a:chExt cx="8553218" cy="2829899"/>
          </a:xfrm>
        </p:grpSpPr>
        <p:cxnSp>
          <p:nvCxnSpPr>
            <p:cNvPr id="50" name="OTLSHAPE_M_ad26212a624042f8946c3ee929d0bce4_Connector1">
              <a:extLst>
                <a:ext uri="{FF2B5EF4-FFF2-40B4-BE49-F238E27FC236}">
                  <a16:creationId xmlns:a16="http://schemas.microsoft.com/office/drawing/2014/main" id="{E1682DEA-0014-7D43-AB3F-843781C4EF3D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920131" y="2534266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513DC799-3522-F849-BAD3-89488AE3A4D7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19000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2" name="OTLSHAPE_TB_00000000000000000000000000000000_ElapsedTime">
              <a:extLst>
                <a:ext uri="{FF2B5EF4-FFF2-40B4-BE49-F238E27FC236}">
                  <a16:creationId xmlns:a16="http://schemas.microsoft.com/office/drawing/2014/main" id="{519CB6AC-F30D-F541-80C3-DD8D2F9D3EF8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190009"/>
              <a:ext cx="15748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B_00000000000000000000000000000000_TimescaleInterval1">
              <a:extLst>
                <a:ext uri="{FF2B5EF4-FFF2-40B4-BE49-F238E27FC236}">
                  <a16:creationId xmlns:a16="http://schemas.microsoft.com/office/drawing/2014/main" id="{A8428028-FAD6-AF46-AE79-054B80F638CE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54" name="OTLSHAPE_TB_00000000000000000000000000000000_Separator1">
              <a:extLst>
                <a:ext uri="{FF2B5EF4-FFF2-40B4-BE49-F238E27FC236}">
                  <a16:creationId xmlns:a16="http://schemas.microsoft.com/office/drawing/2014/main" id="{6001B2FF-E146-9A45-91EA-9DF7A5765FB4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B_00000000000000000000000000000000_TimescaleInterval2">
              <a:extLst>
                <a:ext uri="{FF2B5EF4-FFF2-40B4-BE49-F238E27FC236}">
                  <a16:creationId xmlns:a16="http://schemas.microsoft.com/office/drawing/2014/main" id="{A10442EB-4ADE-8842-90DE-1AB85F193D2D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56" name="OTLSHAPE_TB_00000000000000000000000000000000_Separator2">
              <a:extLst>
                <a:ext uri="{FF2B5EF4-FFF2-40B4-BE49-F238E27FC236}">
                  <a16:creationId xmlns:a16="http://schemas.microsoft.com/office/drawing/2014/main" id="{2F406EC0-9131-DB4D-BE5B-7D84644D5623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7" name="OTLSHAPE_TB_00000000000000000000000000000000_TimescaleInterval3">
              <a:extLst>
                <a:ext uri="{FF2B5EF4-FFF2-40B4-BE49-F238E27FC236}">
                  <a16:creationId xmlns:a16="http://schemas.microsoft.com/office/drawing/2014/main" id="{94D9C929-43C2-FC4A-BA24-7F2A48924F08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58" name="OTLSHAPE_TB_00000000000000000000000000000000_Separator3">
              <a:extLst>
                <a:ext uri="{FF2B5EF4-FFF2-40B4-BE49-F238E27FC236}">
                  <a16:creationId xmlns:a16="http://schemas.microsoft.com/office/drawing/2014/main" id="{3391B7A1-FD72-A346-9A08-A84731B3AD28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9" name="OTLSHAPE_TB_00000000000000000000000000000000_TimescaleInterval4">
              <a:extLst>
                <a:ext uri="{FF2B5EF4-FFF2-40B4-BE49-F238E27FC236}">
                  <a16:creationId xmlns:a16="http://schemas.microsoft.com/office/drawing/2014/main" id="{C9432C51-4F03-D444-90D9-D7F0CDD85F43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60" name="OTLSHAPE_M_2d0797157b8f4b8eac03a9e74cdce7ed_Title">
              <a:extLst>
                <a:ext uri="{FF2B5EF4-FFF2-40B4-BE49-F238E27FC236}">
                  <a16:creationId xmlns:a16="http://schemas.microsoft.com/office/drawing/2014/main" id="{7E80F524-7156-FE4A-AAC8-B9F7FADBAF55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853907" y="262316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61" name="OTLSHAPE_M_2d0797157b8f4b8eac03a9e74cdce7ed_Date">
              <a:extLst>
                <a:ext uri="{FF2B5EF4-FFF2-40B4-BE49-F238E27FC236}">
                  <a16:creationId xmlns:a16="http://schemas.microsoft.com/office/drawing/2014/main" id="{324FED95-9523-B84D-8DD0-2C0C6352C722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960651" y="2819084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/9/2018</a:t>
              </a:r>
            </a:p>
          </p:txBody>
        </p:sp>
        <p:sp>
          <p:nvSpPr>
            <p:cNvPr id="62" name="OTLSHAPE_M_2d0797157b8f4b8eac03a9e74cdce7ed_Shape">
              <a:extLst>
                <a:ext uri="{FF2B5EF4-FFF2-40B4-BE49-F238E27FC236}">
                  <a16:creationId xmlns:a16="http://schemas.microsoft.com/office/drawing/2014/main" id="{94839898-9739-6A4A-8EE2-AA063705EDD0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2094932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15462190989a4e5087e6d7cc02e1ed2d_Title">
              <a:extLst>
                <a:ext uri="{FF2B5EF4-FFF2-40B4-BE49-F238E27FC236}">
                  <a16:creationId xmlns:a16="http://schemas.microsoft.com/office/drawing/2014/main" id="{015E77E3-56C3-F34C-BC25-16D7B64693B7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79436" y="262316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64" name="OTLSHAPE_M_15462190989a4e5087e6d7cc02e1ed2d_Date">
              <a:extLst>
                <a:ext uri="{FF2B5EF4-FFF2-40B4-BE49-F238E27FC236}">
                  <a16:creationId xmlns:a16="http://schemas.microsoft.com/office/drawing/2014/main" id="{94073F1B-EAA1-9644-8DA9-FB113E67C337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2753" y="2819084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/11/2019</a:t>
              </a:r>
            </a:p>
          </p:txBody>
        </p:sp>
        <p:sp>
          <p:nvSpPr>
            <p:cNvPr id="65" name="OTLSHAPE_M_15462190989a4e5087e6d7cc02e1ed2d_Shape">
              <a:extLst>
                <a:ext uri="{FF2B5EF4-FFF2-40B4-BE49-F238E27FC236}">
                  <a16:creationId xmlns:a16="http://schemas.microsoft.com/office/drawing/2014/main" id="{64CD3B44-9664-CD4D-AAFD-B3047A95CAD0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211423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OTLSHAPE_M_1d6d4045bda3413182ef879ca83ea720_Title">
              <a:extLst>
                <a:ext uri="{FF2B5EF4-FFF2-40B4-BE49-F238E27FC236}">
                  <a16:creationId xmlns:a16="http://schemas.microsoft.com/office/drawing/2014/main" id="{D4C823FE-C8BF-D247-817C-D8D9F8124E6C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174230" y="262316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67" name="OTLSHAPE_M_1d6d4045bda3413182ef879ca83ea720_Date">
              <a:extLst>
                <a:ext uri="{FF2B5EF4-FFF2-40B4-BE49-F238E27FC236}">
                  <a16:creationId xmlns:a16="http://schemas.microsoft.com/office/drawing/2014/main" id="{86071D48-D984-B841-B4D1-B1E6BE3474F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5239740" y="281908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7/2020</a:t>
              </a:r>
            </a:p>
          </p:txBody>
        </p:sp>
        <p:sp>
          <p:nvSpPr>
            <p:cNvPr id="68" name="OTLSHAPE_M_1d6d4045bda3413182ef879ca83ea720_Shape">
              <a:extLst>
                <a:ext uri="{FF2B5EF4-FFF2-40B4-BE49-F238E27FC236}">
                  <a16:creationId xmlns:a16="http://schemas.microsoft.com/office/drawing/2014/main" id="{7ED65335-AA8B-924D-BA04-7398AB91B285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406216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OTLSHAPE_M_ad26212a624042f8946c3ee929d0bce4_Title">
              <a:extLst>
                <a:ext uri="{FF2B5EF4-FFF2-40B4-BE49-F238E27FC236}">
                  <a16:creationId xmlns:a16="http://schemas.microsoft.com/office/drawing/2014/main" id="{1911740D-FBAE-2343-A21C-90E4767B37CA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6169455" y="2157922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70" name="OTLSHAPE_M_ad26212a624042f8946c3ee929d0bce4_Date">
              <a:extLst>
                <a:ext uri="{FF2B5EF4-FFF2-40B4-BE49-F238E27FC236}">
                  <a16:creationId xmlns:a16="http://schemas.microsoft.com/office/drawing/2014/main" id="{0589A504-FC11-804C-97E3-1FB27AB496FB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639355" y="2353841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6/4/2021</a:t>
              </a:r>
            </a:p>
          </p:txBody>
        </p:sp>
        <p:sp>
          <p:nvSpPr>
            <p:cNvPr id="71" name="OTLSHAPE_M_ad26212a624042f8946c3ee929d0bce4_Shape">
              <a:extLst>
                <a:ext uri="{FF2B5EF4-FFF2-40B4-BE49-F238E27FC236}">
                  <a16:creationId xmlns:a16="http://schemas.microsoft.com/office/drawing/2014/main" id="{FEE98051-C415-F946-9567-7EEC5C49725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805831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M_42fdb2d4d8a3473fbbe4f286c2bc756f_Title">
              <a:extLst>
                <a:ext uri="{FF2B5EF4-FFF2-40B4-BE49-F238E27FC236}">
                  <a16:creationId xmlns:a16="http://schemas.microsoft.com/office/drawing/2014/main" id="{5B3676F4-28BB-ED47-BC4C-88C45B743EFC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7267064" y="262316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73" name="OTLSHAPE_M_42fdb2d4d8a3473fbbe4f286c2bc756f_Date">
              <a:extLst>
                <a:ext uri="{FF2B5EF4-FFF2-40B4-BE49-F238E27FC236}">
                  <a16:creationId xmlns:a16="http://schemas.microsoft.com/office/drawing/2014/main" id="{711AD3DF-00B8-2A48-9951-E8891F37E4E7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7183604" y="2819084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9/8/2021</a:t>
              </a:r>
            </a:p>
          </p:txBody>
        </p:sp>
        <p:sp>
          <p:nvSpPr>
            <p:cNvPr id="74" name="OTLSHAPE_M_42fdb2d4d8a3473fbbe4f286c2bc756f_Shape">
              <a:extLst>
                <a:ext uri="{FF2B5EF4-FFF2-40B4-BE49-F238E27FC236}">
                  <a16:creationId xmlns:a16="http://schemas.microsoft.com/office/drawing/2014/main" id="{6DE13AF1-AF5E-DC45-9FE5-E3EE3FECE330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7317885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5" name="OTLSHAPE_T_712e0e53cc3a4ed8ae317c645ee2d126_Shape">
              <a:extLst>
                <a:ext uri="{FF2B5EF4-FFF2-40B4-BE49-F238E27FC236}">
                  <a16:creationId xmlns:a16="http://schemas.microsoft.com/office/drawing/2014/main" id="{FFB3FCFE-C5E2-C443-9C28-134F8CDD16AD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126056" y="3795968"/>
              <a:ext cx="12192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6" name="OTLSHAPE_T_712e0e53cc3a4ed8ae317c645ee2d126_JoinedDate">
              <a:extLst>
                <a:ext uri="{FF2B5EF4-FFF2-40B4-BE49-F238E27FC236}">
                  <a16:creationId xmlns:a16="http://schemas.microsoft.com/office/drawing/2014/main" id="{5CBFC146-3E3C-A747-8570-165074216604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2010065" y="3781956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/03/19 - 15/11/19</a:t>
              </a:r>
            </a:p>
          </p:txBody>
        </p:sp>
        <p:sp>
          <p:nvSpPr>
            <p:cNvPr id="77" name="OTLSHAPE_T_712e0e53cc3a4ed8ae317c645ee2d126_Title">
              <a:extLst>
                <a:ext uri="{FF2B5EF4-FFF2-40B4-BE49-F238E27FC236}">
                  <a16:creationId xmlns:a16="http://schemas.microsoft.com/office/drawing/2014/main" id="{7392C802-9E96-584C-8D85-DA6DA92F7CA1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396030" y="3774209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Elliptical CDS Installation</a:t>
              </a:r>
            </a:p>
          </p:txBody>
        </p:sp>
        <p:sp>
          <p:nvSpPr>
            <p:cNvPr id="78" name="OTLSHAPE_T_a51cd3b6f5514645bf493b429c576c52_Shape">
              <a:extLst>
                <a:ext uri="{FF2B5EF4-FFF2-40B4-BE49-F238E27FC236}">
                  <a16:creationId xmlns:a16="http://schemas.microsoft.com/office/drawing/2014/main" id="{42F65A8A-8B6B-A548-84E9-FA5A4ED956F5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423261" y="4004587"/>
              <a:ext cx="18415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OTLSHAPE_T_a51cd3b6f5514645bf493b429c576c52_JoinedDate">
              <a:extLst>
                <a:ext uri="{FF2B5EF4-FFF2-40B4-BE49-F238E27FC236}">
                  <a16:creationId xmlns:a16="http://schemas.microsoft.com/office/drawing/2014/main" id="{71C72C3C-F814-4342-93F2-629AD0A339F7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307269" y="399057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2/12/19 - 11/12/20</a:t>
              </a:r>
            </a:p>
          </p:txBody>
        </p:sp>
        <p:sp>
          <p:nvSpPr>
            <p:cNvPr id="80" name="OTLSHAPE_T_a51cd3b6f5514645bf493b429c576c52_Title">
              <a:extLst>
                <a:ext uri="{FF2B5EF4-FFF2-40B4-BE49-F238E27FC236}">
                  <a16:creationId xmlns:a16="http://schemas.microsoft.com/office/drawing/2014/main" id="{91544944-EBD0-D441-BAC9-F8DFAE0E894E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6307699" y="3982828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CM Installation</a:t>
              </a:r>
            </a:p>
          </p:txBody>
        </p:sp>
        <p:sp>
          <p:nvSpPr>
            <p:cNvPr id="81" name="OTLSHAPE_T_46ec2dabd5ab472e808a901aeef9f305_Shape">
              <a:extLst>
                <a:ext uri="{FF2B5EF4-FFF2-40B4-BE49-F238E27FC236}">
                  <a16:creationId xmlns:a16="http://schemas.microsoft.com/office/drawing/2014/main" id="{1E712C96-BD46-6E45-B185-A4435540145C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686328" y="4213206"/>
              <a:ext cx="8128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2" name="OTLSHAPE_T_46ec2dabd5ab472e808a901aeef9f305_JoinedDate">
              <a:extLst>
                <a:ext uri="{FF2B5EF4-FFF2-40B4-BE49-F238E27FC236}">
                  <a16:creationId xmlns:a16="http://schemas.microsoft.com/office/drawing/2014/main" id="{D92823A9-F1AF-3B47-BC75-C40D6B8C6081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4570336" y="4199193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7/08/20 - 29/01/21</a:t>
              </a:r>
            </a:p>
          </p:txBody>
        </p:sp>
        <p:sp>
          <p:nvSpPr>
            <p:cNvPr id="83" name="OTLSHAPE_T_46ec2dabd5ab472e808a901aeef9f305_Title">
              <a:extLst>
                <a:ext uri="{FF2B5EF4-FFF2-40B4-BE49-F238E27FC236}">
                  <a16:creationId xmlns:a16="http://schemas.microsoft.com/office/drawing/2014/main" id="{1A26E744-CD11-5D48-B0CA-153C38409403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546658" y="4191446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LWU</a:t>
              </a:r>
            </a:p>
          </p:txBody>
        </p:sp>
        <p:sp>
          <p:nvSpPr>
            <p:cNvPr id="84" name="OTLSHAPE_T_c70afe9f7f784959be9bae4443a5cea6_Shape">
              <a:extLst>
                <a:ext uri="{FF2B5EF4-FFF2-40B4-BE49-F238E27FC236}">
                  <a16:creationId xmlns:a16="http://schemas.microsoft.com/office/drawing/2014/main" id="{985111C2-DD4D-F045-95BC-378CD644111D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316798" y="4421824"/>
              <a:ext cx="48768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5" name="OTLSHAPE_T_c70afe9f7f784959be9bae4443a5cea6_JoinedDate">
              <a:extLst>
                <a:ext uri="{FF2B5EF4-FFF2-40B4-BE49-F238E27FC236}">
                  <a16:creationId xmlns:a16="http://schemas.microsoft.com/office/drawing/2014/main" id="{58A15652-DA14-3448-87B2-F03ABA385D82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200807" y="4407812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5/03/18 - 27/11/20</a:t>
              </a:r>
            </a:p>
          </p:txBody>
        </p:sp>
        <p:sp>
          <p:nvSpPr>
            <p:cNvPr id="86" name="OTLSHAPE_T_c70afe9f7f784959be9bae4443a5cea6_Title">
              <a:extLst>
                <a:ext uri="{FF2B5EF4-FFF2-40B4-BE49-F238E27FC236}">
                  <a16:creationId xmlns:a16="http://schemas.microsoft.com/office/drawing/2014/main" id="{B7193CAD-B8BF-9342-B4E4-D65E662FE767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239425" y="4400065"/>
              <a:ext cx="2514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RF System Installation/Commissioning</a:t>
              </a:r>
            </a:p>
          </p:txBody>
        </p:sp>
        <p:sp>
          <p:nvSpPr>
            <p:cNvPr id="87" name="OTLSHAPE_T_9d205be9da744e7dbbf3645cb9a9ec6d_Shape">
              <a:extLst>
                <a:ext uri="{FF2B5EF4-FFF2-40B4-BE49-F238E27FC236}">
                  <a16:creationId xmlns:a16="http://schemas.microsoft.com/office/drawing/2014/main" id="{C06DA378-245B-684F-9D77-3871C1C38E5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2101948" y="4630443"/>
              <a:ext cx="2006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8" name="OTLSHAPE_T_9d205be9da744e7dbbf3645cb9a9ec6d_JoinedDate">
              <a:extLst>
                <a:ext uri="{FF2B5EF4-FFF2-40B4-BE49-F238E27FC236}">
                  <a16:creationId xmlns:a16="http://schemas.microsoft.com/office/drawing/2014/main" id="{8F60DA58-6D92-4B4A-B076-97D8C0A4E796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985956" y="4616431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08/18 - 27/09/19</a:t>
              </a:r>
            </a:p>
          </p:txBody>
        </p:sp>
        <p:sp>
          <p:nvSpPr>
            <p:cNvPr id="89" name="OTLSHAPE_T_9d205be9da744e7dbbf3645cb9a9ec6d_Title">
              <a:extLst>
                <a:ext uri="{FF2B5EF4-FFF2-40B4-BE49-F238E27FC236}">
                  <a16:creationId xmlns:a16="http://schemas.microsoft.com/office/drawing/2014/main" id="{2E362F58-6FA7-E747-831A-2A83339866DE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4157071" y="4608684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Klystrons</a:t>
              </a:r>
            </a:p>
          </p:txBody>
        </p:sp>
        <p:sp>
          <p:nvSpPr>
            <p:cNvPr id="90" name="OTLSHAPE_T_0b14eea70abc4b99940d18064f6df2e5_Shape">
              <a:extLst>
                <a:ext uri="{FF2B5EF4-FFF2-40B4-BE49-F238E27FC236}">
                  <a16:creationId xmlns:a16="http://schemas.microsoft.com/office/drawing/2014/main" id="{EA5A8E23-11A8-A545-82C7-61952792F797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3672248" y="4839062"/>
              <a:ext cx="12573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1" name="OTLSHAPE_T_0b14eea70abc4b99940d18064f6df2e5_JoinedDate">
              <a:extLst>
                <a:ext uri="{FF2B5EF4-FFF2-40B4-BE49-F238E27FC236}">
                  <a16:creationId xmlns:a16="http://schemas.microsoft.com/office/drawing/2014/main" id="{2AB18FD4-7DE6-6842-9D56-A3E4FBEC1195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556256" y="482504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1/07/19 - 13/03/20</a:t>
              </a:r>
            </a:p>
          </p:txBody>
        </p:sp>
        <p:sp>
          <p:nvSpPr>
            <p:cNvPr id="92" name="OTLSHAPE_T_0b14eea70abc4b99940d18064f6df2e5_Title">
              <a:extLst>
                <a:ext uri="{FF2B5EF4-FFF2-40B4-BE49-F238E27FC236}">
                  <a16:creationId xmlns:a16="http://schemas.microsoft.com/office/drawing/2014/main" id="{1EB75B25-3C31-4948-84E2-648448074CE7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4976358" y="4817302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Modulato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78884891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077331-6E27-CB4E-9648-C39350EF53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B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5507A48-6890-CF40-B47D-EE7C3FA2CC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nstallation of the 11 HB CMs is now planned after RBOT, but before BOT. Currently this interval is ~12 months long.</a:t>
            </a:r>
          </a:p>
          <a:p>
            <a:r>
              <a:rPr lang="en-GB" dirty="0"/>
              <a:t>If this “buffer time” will be used by additional delays, the HB installation will have to take place after BOT, during planned machine shutdown periods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93B2E6-150C-B548-A8FA-35BC938A99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960452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939B85-5638-BF48-8AC1-185C2DFFFB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: Main Schedule Risks and Opportunit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247C38-202F-5F47-9612-97D031052B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Risks</a:t>
            </a:r>
          </a:p>
          <a:p>
            <a:pPr lvl="1"/>
            <a:r>
              <a:rPr lang="en-GB" dirty="0"/>
              <a:t>CM deliveries</a:t>
            </a:r>
          </a:p>
          <a:p>
            <a:pPr lvl="1"/>
            <a:r>
              <a:rPr lang="en-GB" dirty="0"/>
              <a:t>Infrastructure works late</a:t>
            </a:r>
          </a:p>
          <a:p>
            <a:pPr lvl="1"/>
            <a:r>
              <a:rPr lang="en-GB" dirty="0"/>
              <a:t>SPK RF System delays</a:t>
            </a:r>
          </a:p>
          <a:p>
            <a:pPr lvl="1"/>
            <a:r>
              <a:rPr lang="en-GB" dirty="0"/>
              <a:t>Testing findings </a:t>
            </a:r>
          </a:p>
          <a:p>
            <a:pPr lvl="1"/>
            <a:endParaRPr lang="en-GB" dirty="0"/>
          </a:p>
          <a:p>
            <a:r>
              <a:rPr lang="en-GB" dirty="0"/>
              <a:t>Opportunities:</a:t>
            </a:r>
          </a:p>
          <a:p>
            <a:pPr lvl="1"/>
            <a:r>
              <a:rPr lang="en-GB" dirty="0"/>
              <a:t>Schedule flexibility</a:t>
            </a:r>
          </a:p>
          <a:p>
            <a:pPr lvl="1"/>
            <a:r>
              <a:rPr lang="en-GB" dirty="0"/>
              <a:t>Parallel NC beam commissioning/SC installation wor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641DE2C-89B2-F349-9844-43F7155673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83712368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3BE428-0B8B-9241-8C28-16630D8098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itical Path – September 2018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109B17F-982E-9B4D-ACCF-3D8BCA055F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9</a:t>
            </a:fld>
            <a:endParaRPr lang="en-GB" noProof="0"/>
          </a:p>
        </p:txBody>
      </p:sp>
      <p:pic>
        <p:nvPicPr>
          <p:cNvPr id="105" name="Picture 104">
            <a:extLst>
              <a:ext uri="{FF2B5EF4-FFF2-40B4-BE49-F238E27FC236}">
                <a16:creationId xmlns:a16="http://schemas.microsoft.com/office/drawing/2014/main" id="{6C0DF9D3-08A8-8146-8A20-EA96AAC912C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1600" y="1395296"/>
            <a:ext cx="7200800" cy="54528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45622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148A27-2C26-604B-ADCB-8966291478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ist of Acronym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E16844-77F8-DA4E-B432-4553EBC0AF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3252117"/>
            <a:ext cx="4042792" cy="3345235"/>
          </a:xfrm>
        </p:spPr>
        <p:txBody>
          <a:bodyPr>
            <a:normAutofit fontScale="55000" lnSpcReduction="20000"/>
          </a:bodyPr>
          <a:lstStyle/>
          <a:p>
            <a:r>
              <a:rPr lang="en-GB" dirty="0"/>
              <a:t>NC – Normal Conducting</a:t>
            </a:r>
          </a:p>
          <a:p>
            <a:r>
              <a:rPr lang="en-GB" dirty="0"/>
              <a:t>SC – Superconducting </a:t>
            </a:r>
          </a:p>
          <a:p>
            <a:r>
              <a:rPr lang="en-GB" dirty="0"/>
              <a:t>ISrc – Ion Source</a:t>
            </a:r>
          </a:p>
          <a:p>
            <a:r>
              <a:rPr lang="en-GB" dirty="0"/>
              <a:t>LEBT – Low Energy Beam Transport Line</a:t>
            </a:r>
          </a:p>
          <a:p>
            <a:r>
              <a:rPr lang="en-GB" dirty="0"/>
              <a:t>RFQ – Radiofrequency Quadrupole</a:t>
            </a:r>
          </a:p>
          <a:p>
            <a:r>
              <a:rPr lang="en-GB" dirty="0"/>
              <a:t>MEBT – Medium Energy Beam Transport Line</a:t>
            </a:r>
          </a:p>
          <a:p>
            <a:r>
              <a:rPr lang="en-GB" dirty="0"/>
              <a:t>DTL – Drift Tube Linac</a:t>
            </a:r>
          </a:p>
          <a:p>
            <a:r>
              <a:rPr lang="en-GB" dirty="0"/>
              <a:t>SPK – Spoke Section</a:t>
            </a:r>
          </a:p>
          <a:p>
            <a:r>
              <a:rPr lang="en-GB" dirty="0"/>
              <a:t>MBL – Medium Beta Linac</a:t>
            </a:r>
          </a:p>
          <a:p>
            <a:r>
              <a:rPr lang="en-GB" dirty="0"/>
              <a:t>HBL – High Beta Linac</a:t>
            </a:r>
          </a:p>
          <a:p>
            <a:r>
              <a:rPr lang="en-GB" dirty="0"/>
              <a:t>HEBT– High Energy Beam Transport Line</a:t>
            </a:r>
          </a:p>
          <a:p>
            <a:r>
              <a:rPr lang="en-GB" dirty="0"/>
              <a:t>DMPL – Dump Line</a:t>
            </a:r>
          </a:p>
          <a:p>
            <a:r>
              <a:rPr lang="en-GB" dirty="0"/>
              <a:t>A2T – Accelerator to Target</a:t>
            </a:r>
          </a:p>
          <a:p>
            <a:r>
              <a:rPr lang="en-GB" dirty="0"/>
              <a:t>BOD – Beam on Dump 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220CAA-FCFD-9A42-8613-DCE76B4F3F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2CBAB4-9B4F-D14A-AD92-A69093B4AD6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27584" y="1786979"/>
            <a:ext cx="7477151" cy="1065957"/>
          </a:xfrm>
          <a:prstGeom prst="rect">
            <a:avLst/>
          </a:prstGeom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B10082E7-F270-484B-B02A-73ECBC2F0488}"/>
              </a:ext>
            </a:extLst>
          </p:cNvPr>
          <p:cNvSpPr txBox="1">
            <a:spLocks/>
          </p:cNvSpPr>
          <p:nvPr/>
        </p:nvSpPr>
        <p:spPr>
          <a:xfrm>
            <a:off x="5065712" y="3252117"/>
            <a:ext cx="4042792" cy="3201219"/>
          </a:xfrm>
          <a:prstGeom prst="rect">
            <a:avLst/>
          </a:prstGeom>
        </p:spPr>
        <p:txBody>
          <a:bodyPr vert="horz" lIns="91440" tIns="45720" rIns="91440" bIns="45720" rtlCol="0">
            <a:normAutofit fontScale="55000" lnSpcReduction="2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RBOT – Ready for Beam on Target</a:t>
            </a:r>
          </a:p>
          <a:p>
            <a:r>
              <a:rPr lang="en-GB" dirty="0"/>
              <a:t>RFI – Ready for Installation </a:t>
            </a:r>
          </a:p>
          <a:p>
            <a:r>
              <a:rPr lang="en-GB" dirty="0"/>
              <a:t>SSM – </a:t>
            </a:r>
            <a:r>
              <a:rPr lang="en-GB" dirty="0" err="1"/>
              <a:t>Strålsäkerhetsmyndigheten</a:t>
            </a:r>
            <a:r>
              <a:rPr lang="en-GB" dirty="0"/>
              <a:t> (Swedish Radiation Safety Authority)</a:t>
            </a:r>
          </a:p>
          <a:p>
            <a:r>
              <a:rPr lang="en-GB" dirty="0"/>
              <a:t>PA/SSPA – Power Amplifiers/ Solid State PA</a:t>
            </a:r>
          </a:p>
          <a:p>
            <a:r>
              <a:rPr lang="en-GB" dirty="0"/>
              <a:t>HV – High Voltage</a:t>
            </a:r>
          </a:p>
          <a:p>
            <a:r>
              <a:rPr lang="en-GB" dirty="0"/>
              <a:t>PSS – Personal Safety System</a:t>
            </a:r>
          </a:p>
          <a:p>
            <a:r>
              <a:rPr lang="en-GB" dirty="0"/>
              <a:t>SRR – Safety Readiness Review</a:t>
            </a:r>
          </a:p>
          <a:p>
            <a:r>
              <a:rPr lang="en-GB" dirty="0"/>
              <a:t>CMs – Cryomodules</a:t>
            </a:r>
          </a:p>
          <a:p>
            <a:r>
              <a:rPr lang="en-GB" dirty="0"/>
              <a:t>CDS – Cryogenic Distribution System</a:t>
            </a:r>
          </a:p>
          <a:p>
            <a:r>
              <a:rPr lang="en-GB" dirty="0"/>
              <a:t>LWU – Linac Warm Units</a:t>
            </a:r>
          </a:p>
          <a:p>
            <a:r>
              <a:rPr lang="en-GB" dirty="0"/>
              <a:t>PS – Power Stations</a:t>
            </a:r>
          </a:p>
          <a:p>
            <a:r>
              <a:rPr lang="en-GB" dirty="0"/>
              <a:t>IK – In Kind</a:t>
            </a:r>
          </a:p>
          <a:p>
            <a:r>
              <a:rPr lang="en-GB" dirty="0"/>
              <a:t>B1-3 – </a:t>
            </a:r>
            <a:r>
              <a:rPr lang="en-GB" dirty="0" err="1"/>
              <a:t>Buncher</a:t>
            </a:r>
            <a:r>
              <a:rPr lang="en-GB" dirty="0"/>
              <a:t> Cavities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809799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958244-9977-F445-87A2-9DC2219C59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ar Critical Path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CD1681-276B-5443-8120-F21DA81C2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cxnSp>
        <p:nvCxnSpPr>
          <p:cNvPr id="66" name="OTLSHAPE_M_ad26212a624042f8946c3ee929d0bce4_Connector1">
            <a:extLst>
              <a:ext uri="{FF2B5EF4-FFF2-40B4-BE49-F238E27FC236}">
                <a16:creationId xmlns:a16="http://schemas.microsoft.com/office/drawing/2014/main" id="{7D7C3006-16B9-984B-835B-A07672D87E45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6920131" y="2035394"/>
            <a:ext cx="0" cy="592243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7" name="OTLSHAPE_TB_00000000000000000000000000000000_ScaleContainer">
            <a:extLst>
              <a:ext uri="{FF2B5EF4-FFF2-40B4-BE49-F238E27FC236}">
                <a16:creationId xmlns:a16="http://schemas.microsoft.com/office/drawing/2014/main" id="{FA92B578-F007-D244-8053-45D619B57C6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44465" y="2691137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TB_00000000000000000000000000000000_ElapsedTime">
            <a:extLst>
              <a:ext uri="{FF2B5EF4-FFF2-40B4-BE49-F238E27FC236}">
                <a16:creationId xmlns:a16="http://schemas.microsoft.com/office/drawing/2014/main" id="{303731A4-BF40-4E46-A082-9563B79617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44465" y="2691137"/>
            <a:ext cx="1409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TB_00000000000000000000000000000000_TimescaleInterval1">
            <a:extLst>
              <a:ext uri="{FF2B5EF4-FFF2-40B4-BE49-F238E27FC236}">
                <a16:creationId xmlns:a16="http://schemas.microsoft.com/office/drawing/2014/main" id="{CA716E55-2023-1642-9F4B-D0603C654124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073065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8</a:t>
            </a:r>
          </a:p>
        </p:txBody>
      </p:sp>
      <p:cxnSp>
        <p:nvCxnSpPr>
          <p:cNvPr id="70" name="OTLSHAPE_TB_00000000000000000000000000000000_Separator1">
            <a:extLst>
              <a:ext uri="{FF2B5EF4-FFF2-40B4-BE49-F238E27FC236}">
                <a16:creationId xmlns:a16="http://schemas.microsoft.com/office/drawing/2014/main" id="{3F29409C-6E5C-124E-A67E-76927FB1E32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89563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1" name="OTLSHAPE_TB_00000000000000000000000000000000_TimescaleInterval2">
            <a:extLst>
              <a:ext uri="{FF2B5EF4-FFF2-40B4-BE49-F238E27FC236}">
                <a16:creationId xmlns:a16="http://schemas.microsoft.com/office/drawing/2014/main" id="{1C18C441-C9AA-814A-9D5E-4D60270B45E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853063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72" name="OTLSHAPE_TB_00000000000000000000000000000000_Separator2">
            <a:extLst>
              <a:ext uri="{FF2B5EF4-FFF2-40B4-BE49-F238E27FC236}">
                <a16:creationId xmlns:a16="http://schemas.microsoft.com/office/drawing/2014/main" id="{7222C90F-3757-4344-971E-188D84A49B8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569562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3" name="OTLSHAPE_TB_00000000000000000000000000000000_TimescaleInterval3">
            <a:extLst>
              <a:ext uri="{FF2B5EF4-FFF2-40B4-BE49-F238E27FC236}">
                <a16:creationId xmlns:a16="http://schemas.microsoft.com/office/drawing/2014/main" id="{F15A91C1-9D93-B341-BB6F-1BF3578BBAE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633062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74" name="OTLSHAPE_TB_00000000000000000000000000000000_Separator3">
            <a:extLst>
              <a:ext uri="{FF2B5EF4-FFF2-40B4-BE49-F238E27FC236}">
                <a16:creationId xmlns:a16="http://schemas.microsoft.com/office/drawing/2014/main" id="{F7115F5A-C80B-CB4B-8BE9-B44DA9F7ABB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54437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5" name="OTLSHAPE_TB_00000000000000000000000000000000_TimescaleInterval4">
            <a:extLst>
              <a:ext uri="{FF2B5EF4-FFF2-40B4-BE49-F238E27FC236}">
                <a16:creationId xmlns:a16="http://schemas.microsoft.com/office/drawing/2014/main" id="{66FD601A-22C2-7A4B-AC38-44146F71DD4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417937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76" name="OTLSHAPE_M_15462190989a4e5087e6d7cc02e1ed2d_Title">
            <a:extLst>
              <a:ext uri="{FF2B5EF4-FFF2-40B4-BE49-F238E27FC236}">
                <a16:creationId xmlns:a16="http://schemas.microsoft.com/office/drawing/2014/main" id="{A0B5BCAF-DFF5-B441-8316-1B890F0A96E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979436" y="212429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1</a:t>
            </a:r>
          </a:p>
        </p:txBody>
      </p:sp>
      <p:sp>
        <p:nvSpPr>
          <p:cNvPr id="77" name="OTLSHAPE_M_15462190989a4e5087e6d7cc02e1ed2d_Date">
            <a:extLst>
              <a:ext uri="{FF2B5EF4-FFF2-40B4-BE49-F238E27FC236}">
                <a16:creationId xmlns:a16="http://schemas.microsoft.com/office/drawing/2014/main" id="{C24F8549-4AB4-F240-B368-DA69AAE5475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012753" y="232021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11/2019</a:t>
            </a:r>
          </a:p>
        </p:txBody>
      </p:sp>
      <p:sp>
        <p:nvSpPr>
          <p:cNvPr id="78" name="OTLSHAPE_M_15462190989a4e5087e6d7cc02e1ed2d_Shape">
            <a:extLst>
              <a:ext uri="{FF2B5EF4-FFF2-40B4-BE49-F238E27FC236}">
                <a16:creationId xmlns:a16="http://schemas.microsoft.com/office/drawing/2014/main" id="{4292E7B4-5263-0C40-A363-0BA1CA67F5B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flipV="1">
            <a:off x="4211423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M_1d6d4045bda3413182ef879ca83ea720_Title">
            <a:extLst>
              <a:ext uri="{FF2B5EF4-FFF2-40B4-BE49-F238E27FC236}">
                <a16:creationId xmlns:a16="http://schemas.microsoft.com/office/drawing/2014/main" id="{A8D4E344-EBD1-1D4E-968E-32E27A74485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174230" y="212429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80" name="OTLSHAPE_M_1d6d4045bda3413182ef879ca83ea720_Date">
            <a:extLst>
              <a:ext uri="{FF2B5EF4-FFF2-40B4-BE49-F238E27FC236}">
                <a16:creationId xmlns:a16="http://schemas.microsoft.com/office/drawing/2014/main" id="{F0633525-7021-1246-8AC0-01FE166D205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239740" y="232021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3/7/2020</a:t>
            </a:r>
          </a:p>
        </p:txBody>
      </p:sp>
      <p:sp>
        <p:nvSpPr>
          <p:cNvPr id="81" name="OTLSHAPE_M_1d6d4045bda3413182ef879ca83ea720_Shape">
            <a:extLst>
              <a:ext uri="{FF2B5EF4-FFF2-40B4-BE49-F238E27FC236}">
                <a16:creationId xmlns:a16="http://schemas.microsoft.com/office/drawing/2014/main" id="{75F80861-8A80-F648-BAEE-46073E1268D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406216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M_ad26212a624042f8946c3ee929d0bce4_Title">
            <a:extLst>
              <a:ext uri="{FF2B5EF4-FFF2-40B4-BE49-F238E27FC236}">
                <a16:creationId xmlns:a16="http://schemas.microsoft.com/office/drawing/2014/main" id="{7F9901DA-12DD-5D40-A940-35B0DBBDA28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69455" y="1659050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Beam Dump (BOD)</a:t>
            </a:r>
          </a:p>
        </p:txBody>
      </p:sp>
      <p:sp>
        <p:nvSpPr>
          <p:cNvPr id="83" name="OTLSHAPE_M_ad26212a624042f8946c3ee929d0bce4_Date">
            <a:extLst>
              <a:ext uri="{FF2B5EF4-FFF2-40B4-BE49-F238E27FC236}">
                <a16:creationId xmlns:a16="http://schemas.microsoft.com/office/drawing/2014/main" id="{E7C232FF-3B44-3D4D-81D1-3C226A1A5EB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639355" y="185496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6/4/2021</a:t>
            </a:r>
          </a:p>
        </p:txBody>
      </p:sp>
      <p:sp>
        <p:nvSpPr>
          <p:cNvPr id="84" name="OTLSHAPE_M_ad26212a624042f8946c3ee929d0bce4_Shape">
            <a:extLst>
              <a:ext uri="{FF2B5EF4-FFF2-40B4-BE49-F238E27FC236}">
                <a16:creationId xmlns:a16="http://schemas.microsoft.com/office/drawing/2014/main" id="{05656A72-AFD2-1847-B57F-C09F733C24F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flipV="1">
            <a:off x="6805831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M_42fdb2d4d8a3473fbbe4f286c2bc756f_Title">
            <a:extLst>
              <a:ext uri="{FF2B5EF4-FFF2-40B4-BE49-F238E27FC236}">
                <a16:creationId xmlns:a16="http://schemas.microsoft.com/office/drawing/2014/main" id="{E29F0098-59AB-6548-8484-5892FAC1F2B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267064" y="2124294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RBOT</a:t>
            </a:r>
          </a:p>
        </p:txBody>
      </p:sp>
      <p:sp>
        <p:nvSpPr>
          <p:cNvPr id="86" name="OTLSHAPE_M_42fdb2d4d8a3473fbbe4f286c2bc756f_Date">
            <a:extLst>
              <a:ext uri="{FF2B5EF4-FFF2-40B4-BE49-F238E27FC236}">
                <a16:creationId xmlns:a16="http://schemas.microsoft.com/office/drawing/2014/main" id="{35C8E066-A5D7-0344-94E5-396F6B9420F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83604" y="232021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9/8/2021</a:t>
            </a:r>
          </a:p>
        </p:txBody>
      </p:sp>
      <p:sp>
        <p:nvSpPr>
          <p:cNvPr id="87" name="OTLSHAPE_M_42fdb2d4d8a3473fbbe4f286c2bc756f_Shape">
            <a:extLst>
              <a:ext uri="{FF2B5EF4-FFF2-40B4-BE49-F238E27FC236}">
                <a16:creationId xmlns:a16="http://schemas.microsoft.com/office/drawing/2014/main" id="{01774294-4FA2-EE41-A708-2D751B7378A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7317885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T_45dd8f51cbd2498bb85ef733a7743c59_Shape">
            <a:extLst>
              <a:ext uri="{FF2B5EF4-FFF2-40B4-BE49-F238E27FC236}">
                <a16:creationId xmlns:a16="http://schemas.microsoft.com/office/drawing/2014/main" id="{7BCD3099-1017-154D-BDCD-FD99BB26699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716413" y="3297096"/>
            <a:ext cx="10160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T_45dd8f51cbd2498bb85ef733a7743c59_JoinedDate">
            <a:extLst>
              <a:ext uri="{FF2B5EF4-FFF2-40B4-BE49-F238E27FC236}">
                <a16:creationId xmlns:a16="http://schemas.microsoft.com/office/drawing/2014/main" id="{92D121AB-D0D6-CF4F-AF6C-9AD64156D7E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600422" y="328308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7/12/18 - 12/07/19</a:t>
            </a:r>
          </a:p>
        </p:txBody>
      </p:sp>
      <p:sp>
        <p:nvSpPr>
          <p:cNvPr id="90" name="OTLSHAPE_T_45dd8f51cbd2498bb85ef733a7743c59_Title">
            <a:extLst>
              <a:ext uri="{FF2B5EF4-FFF2-40B4-BE49-F238E27FC236}">
                <a16:creationId xmlns:a16="http://schemas.microsoft.com/office/drawing/2014/main" id="{0C91F04E-1875-F34F-AB35-CB2CE6FD4C8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781565" y="327533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Q + DTL 1 RF System</a:t>
            </a:r>
          </a:p>
        </p:txBody>
      </p:sp>
      <p:sp>
        <p:nvSpPr>
          <p:cNvPr id="91" name="OTLSHAPE_T_a57a76e15b6e48f596806b108ff7887c_Shape">
            <a:extLst>
              <a:ext uri="{FF2B5EF4-FFF2-40B4-BE49-F238E27FC236}">
                <a16:creationId xmlns:a16="http://schemas.microsoft.com/office/drawing/2014/main" id="{ABD86B23-4D45-AF44-A198-938C76AC699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501563" y="3505715"/>
            <a:ext cx="12192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T_a57a76e15b6e48f596806b108ff7887c_JoinedDate">
            <a:extLst>
              <a:ext uri="{FF2B5EF4-FFF2-40B4-BE49-F238E27FC236}">
                <a16:creationId xmlns:a16="http://schemas.microsoft.com/office/drawing/2014/main" id="{7AFE0924-68D0-6743-90B2-7A4322422FD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385571" y="349170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/05/19 - 31/01/20</a:t>
            </a:r>
          </a:p>
        </p:txBody>
      </p:sp>
      <p:sp>
        <p:nvSpPr>
          <p:cNvPr id="93" name="OTLSHAPE_T_a57a76e15b6e48f596806b108ff7887c_Title">
            <a:extLst>
              <a:ext uri="{FF2B5EF4-FFF2-40B4-BE49-F238E27FC236}">
                <a16:creationId xmlns:a16="http://schemas.microsoft.com/office/drawing/2014/main" id="{15FE7B2D-E7EC-924B-B13E-D7388C77AFD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771536" y="348395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Full  NC Linac RF System</a:t>
            </a:r>
          </a:p>
        </p:txBody>
      </p:sp>
      <p:sp>
        <p:nvSpPr>
          <p:cNvPr id="94" name="OTLSHAPE_T_712e0e53cc3a4ed8ae317c645ee2d126_Shape">
            <a:extLst>
              <a:ext uri="{FF2B5EF4-FFF2-40B4-BE49-F238E27FC236}">
                <a16:creationId xmlns:a16="http://schemas.microsoft.com/office/drawing/2014/main" id="{BDDCC4DD-774B-0B41-979B-85192E7D93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091919" y="3714334"/>
            <a:ext cx="12573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T_712e0e53cc3a4ed8ae317c645ee2d126_JoinedDate">
            <a:extLst>
              <a:ext uri="{FF2B5EF4-FFF2-40B4-BE49-F238E27FC236}">
                <a16:creationId xmlns:a16="http://schemas.microsoft.com/office/drawing/2014/main" id="{8FFCCA58-49BC-E548-BE8A-AC847B46A3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975928" y="370032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03/19 - 15/11/19</a:t>
            </a:r>
          </a:p>
        </p:txBody>
      </p:sp>
      <p:sp>
        <p:nvSpPr>
          <p:cNvPr id="96" name="OTLSHAPE_T_712e0e53cc3a4ed8ae317c645ee2d126_Title">
            <a:extLst>
              <a:ext uri="{FF2B5EF4-FFF2-40B4-BE49-F238E27FC236}">
                <a16:creationId xmlns:a16="http://schemas.microsoft.com/office/drawing/2014/main" id="{CDF3B6F7-9CAA-7141-9C44-FDDA6C8C44F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396030" y="369257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Elliptical CDS</a:t>
            </a:r>
          </a:p>
        </p:txBody>
      </p:sp>
      <p:sp>
        <p:nvSpPr>
          <p:cNvPr id="97" name="OTLSHAPE_T_014e0598bbeb415fbb324c7aac4a202f_Shape">
            <a:extLst>
              <a:ext uri="{FF2B5EF4-FFF2-40B4-BE49-F238E27FC236}">
                <a16:creationId xmlns:a16="http://schemas.microsoft.com/office/drawing/2014/main" id="{2768945E-7842-A54E-BCE3-E15936BF1C6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11206" y="3922952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T_014e0598bbeb415fbb324c7aac4a202f_JoinedDate">
            <a:extLst>
              <a:ext uri="{FF2B5EF4-FFF2-40B4-BE49-F238E27FC236}">
                <a16:creationId xmlns:a16="http://schemas.microsoft.com/office/drawing/2014/main" id="{E853F63B-A236-3C4F-9D4E-6B843CDAA3D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795215" y="390894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9/08/19 - 15/11/19</a:t>
            </a:r>
          </a:p>
        </p:txBody>
      </p:sp>
      <p:sp>
        <p:nvSpPr>
          <p:cNvPr id="99" name="OTLSHAPE_T_014e0598bbeb415fbb324c7aac4a202f_Title">
            <a:extLst>
              <a:ext uri="{FF2B5EF4-FFF2-40B4-BE49-F238E27FC236}">
                <a16:creationId xmlns:a16="http://schemas.microsoft.com/office/drawing/2014/main" id="{33AFBDF9-EA80-AF48-A73E-6F14241154C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396030" y="3901193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CDS</a:t>
            </a:r>
          </a:p>
        </p:txBody>
      </p:sp>
      <p:sp>
        <p:nvSpPr>
          <p:cNvPr id="100" name="OTLSHAPE_T_e9d49bbbe35e40179c52ed9f3541250f_Shape">
            <a:extLst>
              <a:ext uri="{FF2B5EF4-FFF2-40B4-BE49-F238E27FC236}">
                <a16:creationId xmlns:a16="http://schemas.microsoft.com/office/drawing/2014/main" id="{5204290A-8766-B848-8A05-7942DA84A89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354987" y="4131571"/>
            <a:ext cx="13970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T_e9d49bbbe35e40179c52ed9f3541250f_JoinedDate">
            <a:extLst>
              <a:ext uri="{FF2B5EF4-FFF2-40B4-BE49-F238E27FC236}">
                <a16:creationId xmlns:a16="http://schemas.microsoft.com/office/drawing/2014/main" id="{5180647B-F1F6-4343-BB59-1738756AD24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238995" y="411755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8/11/19 - 28/08/20</a:t>
            </a:r>
          </a:p>
        </p:txBody>
      </p:sp>
      <p:sp>
        <p:nvSpPr>
          <p:cNvPr id="102" name="OTLSHAPE_T_e9d49bbbe35e40179c52ed9f3541250f_Title">
            <a:extLst>
              <a:ext uri="{FF2B5EF4-FFF2-40B4-BE49-F238E27FC236}">
                <a16:creationId xmlns:a16="http://schemas.microsoft.com/office/drawing/2014/main" id="{CE1E5906-E4C6-4047-BB79-A4EAD9428E4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795645" y="4109812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CM</a:t>
            </a:r>
          </a:p>
        </p:txBody>
      </p:sp>
      <p:sp>
        <p:nvSpPr>
          <p:cNvPr id="103" name="OTLSHAPE_T_a51cd3b6f5514645bf493b429c576c52_Shape">
            <a:extLst>
              <a:ext uri="{FF2B5EF4-FFF2-40B4-BE49-F238E27FC236}">
                <a16:creationId xmlns:a16="http://schemas.microsoft.com/office/drawing/2014/main" id="{B8D566D3-503B-8E45-AE2F-4D89C502B28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354987" y="4340190"/>
            <a:ext cx="1841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T_a51cd3b6f5514645bf493b429c576c52_JoinedDate">
            <a:extLst>
              <a:ext uri="{FF2B5EF4-FFF2-40B4-BE49-F238E27FC236}">
                <a16:creationId xmlns:a16="http://schemas.microsoft.com/office/drawing/2014/main" id="{DBB6F7E8-952E-A646-AAAC-5595B448D9C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238995" y="432617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8/11/19 - 27/11/20</a:t>
            </a:r>
          </a:p>
        </p:txBody>
      </p:sp>
      <p:sp>
        <p:nvSpPr>
          <p:cNvPr id="105" name="OTLSHAPE_T_a51cd3b6f5514645bf493b429c576c52_Title">
            <a:extLst>
              <a:ext uri="{FF2B5EF4-FFF2-40B4-BE49-F238E27FC236}">
                <a16:creationId xmlns:a16="http://schemas.microsoft.com/office/drawing/2014/main" id="{C88AAC8B-59C6-3749-BE7C-38C39641F05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239425" y="431843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BL CM</a:t>
            </a:r>
          </a:p>
        </p:txBody>
      </p:sp>
      <p:sp>
        <p:nvSpPr>
          <p:cNvPr id="106" name="OTLSHAPE_T_262d69a19ba74238997b747fc762f179_Shape">
            <a:extLst>
              <a:ext uri="{FF2B5EF4-FFF2-40B4-BE49-F238E27FC236}">
                <a16:creationId xmlns:a16="http://schemas.microsoft.com/office/drawing/2014/main" id="{B9422935-5B7B-344E-8349-1E83E13D293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310821" y="4548808"/>
            <a:ext cx="3429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_262d69a19ba74238997b747fc762f179_JoinedDate">
            <a:extLst>
              <a:ext uri="{FF2B5EF4-FFF2-40B4-BE49-F238E27FC236}">
                <a16:creationId xmlns:a16="http://schemas.microsoft.com/office/drawing/2014/main" id="{42D0741C-F131-294D-B6E3-1132CA3D425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94830" y="453479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1/06/20 - 07/08/20</a:t>
            </a:r>
          </a:p>
        </p:txBody>
      </p:sp>
      <p:sp>
        <p:nvSpPr>
          <p:cNvPr id="108" name="OTLSHAPE_T_262d69a19ba74238997b747fc762f179_Title">
            <a:extLst>
              <a:ext uri="{FF2B5EF4-FFF2-40B4-BE49-F238E27FC236}">
                <a16:creationId xmlns:a16="http://schemas.microsoft.com/office/drawing/2014/main" id="{D32CC65A-38B8-CC4F-8C84-E759ED78A29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693234" y="452704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BL CM</a:t>
            </a:r>
          </a:p>
        </p:txBody>
      </p:sp>
      <p:sp>
        <p:nvSpPr>
          <p:cNvPr id="109" name="OTLSHAPE_T_092f4f590bd24f34b35608c4728eeeae_Shape">
            <a:extLst>
              <a:ext uri="{FF2B5EF4-FFF2-40B4-BE49-F238E27FC236}">
                <a16:creationId xmlns:a16="http://schemas.microsoft.com/office/drawing/2014/main" id="{4687DC25-65CE-4640-A11F-353AF9E8953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42932" y="4757427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_092f4f590bd24f34b35608c4728eeeae_JoinedDate">
            <a:extLst>
              <a:ext uri="{FF2B5EF4-FFF2-40B4-BE49-F238E27FC236}">
                <a16:creationId xmlns:a16="http://schemas.microsoft.com/office/drawing/2014/main" id="{33CA411D-A247-A14F-974A-27DC313AC21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726941" y="47434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5/08/19 - 20/12/19</a:t>
            </a:r>
          </a:p>
        </p:txBody>
      </p:sp>
      <p:sp>
        <p:nvSpPr>
          <p:cNvPr id="111" name="OTLSHAPE_T_092f4f590bd24f34b35608c4728eeeae_Title">
            <a:extLst>
              <a:ext uri="{FF2B5EF4-FFF2-40B4-BE49-F238E27FC236}">
                <a16:creationId xmlns:a16="http://schemas.microsoft.com/office/drawing/2014/main" id="{1F3936A1-2AB8-C741-8EA5-DD8574FC64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566715" y="473566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EBT LWU</a:t>
            </a:r>
          </a:p>
        </p:txBody>
      </p:sp>
      <p:sp>
        <p:nvSpPr>
          <p:cNvPr id="112" name="OTLSHAPE_T_d0027aa1f6c04c8cabbaabff5db206c8_Shape">
            <a:extLst>
              <a:ext uri="{FF2B5EF4-FFF2-40B4-BE49-F238E27FC236}">
                <a16:creationId xmlns:a16="http://schemas.microsoft.com/office/drawing/2014/main" id="{C7A4C192-A00F-F642-8A6C-B10AD87DAC3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593945" y="4966046"/>
            <a:ext cx="7493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T_d0027aa1f6c04c8cabbaabff5db206c8_JoinedDate">
            <a:extLst>
              <a:ext uri="{FF2B5EF4-FFF2-40B4-BE49-F238E27FC236}">
                <a16:creationId xmlns:a16="http://schemas.microsoft.com/office/drawing/2014/main" id="{19EFE35C-87F4-9A43-8C85-6EE42C4C779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477954" y="49520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6/01/20 - 05/06/20</a:t>
            </a:r>
          </a:p>
        </p:txBody>
      </p:sp>
      <p:sp>
        <p:nvSpPr>
          <p:cNvPr id="114" name="OTLSHAPE_T_d0027aa1f6c04c8cabbaabff5db206c8_Title">
            <a:extLst>
              <a:ext uri="{FF2B5EF4-FFF2-40B4-BE49-F238E27FC236}">
                <a16:creationId xmlns:a16="http://schemas.microsoft.com/office/drawing/2014/main" id="{27E90CAB-E50F-A449-AC94-793F62CBBA5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86001" y="494428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BL LWU</a:t>
            </a:r>
          </a:p>
        </p:txBody>
      </p:sp>
      <p:sp>
        <p:nvSpPr>
          <p:cNvPr id="115" name="OTLSHAPE_T_4d3bf0ca1b5e4988a9fa72e16b456f99_Shape">
            <a:extLst>
              <a:ext uri="{FF2B5EF4-FFF2-40B4-BE49-F238E27FC236}">
                <a16:creationId xmlns:a16="http://schemas.microsoft.com/office/drawing/2014/main" id="{30EEF7F7-764A-114E-9856-0036F174EF2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344958" y="5174664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T_4d3bf0ca1b5e4988a9fa72e16b456f99_JoinedDate">
            <a:extLst>
              <a:ext uri="{FF2B5EF4-FFF2-40B4-BE49-F238E27FC236}">
                <a16:creationId xmlns:a16="http://schemas.microsoft.com/office/drawing/2014/main" id="{D26C0C61-835E-9844-B780-B3EA63D1BAB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228967" y="51606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8/06/20 - 04/09/20</a:t>
            </a:r>
          </a:p>
        </p:txBody>
      </p:sp>
      <p:sp>
        <p:nvSpPr>
          <p:cNvPr id="117" name="OTLSHAPE_T_4d3bf0ca1b5e4988a9fa72e16b456f99_Title">
            <a:extLst>
              <a:ext uri="{FF2B5EF4-FFF2-40B4-BE49-F238E27FC236}">
                <a16:creationId xmlns:a16="http://schemas.microsoft.com/office/drawing/2014/main" id="{DD8F629E-3787-7142-B7B0-F9F1DD3F96C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29782" y="5152905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A2T LWU</a:t>
            </a:r>
          </a:p>
        </p:txBody>
      </p:sp>
      <p:sp>
        <p:nvSpPr>
          <p:cNvPr id="118" name="OTLSHAPE_T_b0ee77cccad84479b82365176f0785f3_Shape">
            <a:extLst>
              <a:ext uri="{FF2B5EF4-FFF2-40B4-BE49-F238E27FC236}">
                <a16:creationId xmlns:a16="http://schemas.microsoft.com/office/drawing/2014/main" id="{A96ADC54-8397-D54D-8870-F8BA6516447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720465" y="5383283"/>
            <a:ext cx="2667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T_b0ee77cccad84479b82365176f0785f3_JoinedDate">
            <a:extLst>
              <a:ext uri="{FF2B5EF4-FFF2-40B4-BE49-F238E27FC236}">
                <a16:creationId xmlns:a16="http://schemas.microsoft.com/office/drawing/2014/main" id="{35144CF7-503E-CA4C-9AF4-E29D94A3DF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04473" y="536927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4/08/20 - 16/10/20</a:t>
            </a:r>
          </a:p>
        </p:txBody>
      </p:sp>
      <p:sp>
        <p:nvSpPr>
          <p:cNvPr id="120" name="OTLSHAPE_T_b0ee77cccad84479b82365176f0785f3_Title">
            <a:extLst>
              <a:ext uri="{FF2B5EF4-FFF2-40B4-BE49-F238E27FC236}">
                <a16:creationId xmlns:a16="http://schemas.microsoft.com/office/drawing/2014/main" id="{81D76C07-15AF-234D-B502-61A541682C3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034603" y="5361524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LWU</a:t>
            </a:r>
          </a:p>
        </p:txBody>
      </p:sp>
      <p:sp>
        <p:nvSpPr>
          <p:cNvPr id="121" name="OTLSHAPE_T_4c0e232a18b0488a991d0c7918759ed8_Shape">
            <a:extLst>
              <a:ext uri="{FF2B5EF4-FFF2-40B4-BE49-F238E27FC236}">
                <a16:creationId xmlns:a16="http://schemas.microsoft.com/office/drawing/2014/main" id="{B7D790A4-2856-524B-B208-8CAFDB1D979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993560" y="5591902"/>
            <a:ext cx="6096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T_4c0e232a18b0488a991d0c7918759ed8_JoinedDate">
            <a:extLst>
              <a:ext uri="{FF2B5EF4-FFF2-40B4-BE49-F238E27FC236}">
                <a16:creationId xmlns:a16="http://schemas.microsoft.com/office/drawing/2014/main" id="{9538244D-6425-E74C-A061-FB2742FA71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77569" y="557788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9/10/20 - 19/02/21</a:t>
            </a:r>
          </a:p>
        </p:txBody>
      </p:sp>
      <p:sp>
        <p:nvSpPr>
          <p:cNvPr id="123" name="OTLSHAPE_T_4c0e232a18b0488a991d0c7918759ed8_Title">
            <a:extLst>
              <a:ext uri="{FF2B5EF4-FFF2-40B4-BE49-F238E27FC236}">
                <a16:creationId xmlns:a16="http://schemas.microsoft.com/office/drawing/2014/main" id="{941E720A-8021-B541-8661-3EC332E8BA5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649069" y="5570142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BL LWU</a:t>
            </a:r>
          </a:p>
        </p:txBody>
      </p:sp>
      <p:sp>
        <p:nvSpPr>
          <p:cNvPr id="124" name="OTLSHAPE_T_3f3ece26dcba4b0cb059e90572592887_Shape">
            <a:extLst>
              <a:ext uri="{FF2B5EF4-FFF2-40B4-BE49-F238E27FC236}">
                <a16:creationId xmlns:a16="http://schemas.microsoft.com/office/drawing/2014/main" id="{514099C1-CF1C-2541-8B3B-61068024BB1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877069" y="5800520"/>
            <a:ext cx="20066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T_3f3ece26dcba4b0cb059e90572592887_JoinedDate">
            <a:extLst>
              <a:ext uri="{FF2B5EF4-FFF2-40B4-BE49-F238E27FC236}">
                <a16:creationId xmlns:a16="http://schemas.microsoft.com/office/drawing/2014/main" id="{A3955FCC-393C-754F-A0A5-53CFD5F7C90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761078" y="578650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2/08/19 - 25/09/20</a:t>
            </a:r>
          </a:p>
        </p:txBody>
      </p:sp>
      <p:sp>
        <p:nvSpPr>
          <p:cNvPr id="126" name="OTLSHAPE_T_3f3ece26dcba4b0cb059e90572592887_Title">
            <a:extLst>
              <a:ext uri="{FF2B5EF4-FFF2-40B4-BE49-F238E27FC236}">
                <a16:creationId xmlns:a16="http://schemas.microsoft.com/office/drawing/2014/main" id="{2088EFFF-A8AE-F848-9D5B-44CCF0A4A8B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932193" y="577876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RF Power Stations</a:t>
            </a:r>
          </a:p>
        </p:txBody>
      </p:sp>
    </p:spTree>
    <p:extLst>
      <p:ext uri="{BB962C8B-B14F-4D97-AF65-F5344CB8AC3E}">
        <p14:creationId xmlns:p14="http://schemas.microsoft.com/office/powerpoint/2010/main" val="382128101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48D9B8-363D-F843-8B29-CB3F512921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227136" cy="1143000"/>
          </a:xfrm>
        </p:spPr>
        <p:txBody>
          <a:bodyPr/>
          <a:lstStyle/>
          <a:p>
            <a:r>
              <a:rPr lang="en-GB" dirty="0"/>
              <a:t>Delays on major milestones since the new baseline was approve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DA88A3-8BD1-9B40-8248-6004738FD7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1</a:t>
            </a:fld>
            <a:endParaRPr lang="en-GB" noProof="0"/>
          </a:p>
        </p:txBody>
      </p:sp>
      <p:cxnSp>
        <p:nvCxnSpPr>
          <p:cNvPr id="82" name="OTLSHAPE_T_2becf7a4f5264081a26c0b37b67ad568_RightVerticalConnector2">
            <a:extLst>
              <a:ext uri="{FF2B5EF4-FFF2-40B4-BE49-F238E27FC236}">
                <a16:creationId xmlns:a16="http://schemas.microsoft.com/office/drawing/2014/main" id="{C73F5F90-2454-664B-A0DD-41C5D6BDEB61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 flipV="1">
            <a:off x="7336946" y="4531974"/>
            <a:ext cx="0" cy="29225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3" name="OTLSHAPE_T_2becf7a4f5264081a26c0b37b67ad568_LeftVerticalConnector2">
            <a:extLst>
              <a:ext uri="{FF2B5EF4-FFF2-40B4-BE49-F238E27FC236}">
                <a16:creationId xmlns:a16="http://schemas.microsoft.com/office/drawing/2014/main" id="{2C23C830-35C3-C247-9D26-1520B65F604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969267" y="4287033"/>
            <a:ext cx="0" cy="2449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4" name="OTLSHAPE_T_2becf7a4f5264081a26c0b37b67ad568_LeftVerticalConnector1">
            <a:extLst>
              <a:ext uri="{FF2B5EF4-FFF2-40B4-BE49-F238E27FC236}">
                <a16:creationId xmlns:a16="http://schemas.microsoft.com/office/drawing/2014/main" id="{1AE951B6-C6BF-7E40-9993-842B24D6305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969267" y="3236574"/>
            <a:ext cx="0" cy="8799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5" name="OTLSHAPE_T_d85a95d3b01d4d84aa9e517a31261f8a_RightVerticalConnector1">
            <a:extLst>
              <a:ext uri="{FF2B5EF4-FFF2-40B4-BE49-F238E27FC236}">
                <a16:creationId xmlns:a16="http://schemas.microsoft.com/office/drawing/2014/main" id="{FD74F057-F1E2-DC45-B659-9147C081AD2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824892" y="4201774"/>
            <a:ext cx="0" cy="62245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6" name="OTLSHAPE_T_d85a95d3b01d4d84aa9e517a31261f8a_LeftVerticalConnector2">
            <a:extLst>
              <a:ext uri="{FF2B5EF4-FFF2-40B4-BE49-F238E27FC236}">
                <a16:creationId xmlns:a16="http://schemas.microsoft.com/office/drawing/2014/main" id="{5F872967-3555-CC48-A4C9-66A23C3821B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57212" y="3956833"/>
            <a:ext cx="0" cy="2449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7" name="OTLSHAPE_T_d85a95d3b01d4d84aa9e517a31261f8a_LeftVerticalConnector1">
            <a:extLst>
              <a:ext uri="{FF2B5EF4-FFF2-40B4-BE49-F238E27FC236}">
                <a16:creationId xmlns:a16="http://schemas.microsoft.com/office/drawing/2014/main" id="{B9931C3C-56A7-5F4C-8393-AF116B59093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457212" y="3236574"/>
            <a:ext cx="0" cy="5497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8" name="OTLSHAPE_T_465a42621efb4bc79db91674083f9d80_RightVerticalConnector2">
            <a:extLst>
              <a:ext uri="{FF2B5EF4-FFF2-40B4-BE49-F238E27FC236}">
                <a16:creationId xmlns:a16="http://schemas.microsoft.com/office/drawing/2014/main" id="{BE1A7F5C-5F4E-1242-BE50-DA306D32D8C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 flipV="1">
            <a:off x="5425277" y="3871574"/>
            <a:ext cx="0" cy="95265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89" name="OTLSHAPE_T_465a42621efb4bc79db91674083f9d80_RightVerticalConnector1">
            <a:extLst>
              <a:ext uri="{FF2B5EF4-FFF2-40B4-BE49-F238E27FC236}">
                <a16:creationId xmlns:a16="http://schemas.microsoft.com/office/drawing/2014/main" id="{01EE7A49-3076-DD45-BB28-6E310725678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243184" y="3618887"/>
            <a:ext cx="0" cy="1205338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0" name="OTLSHAPE_T_465a42621efb4bc79db91674083f9d80_LeftVerticalConnector2">
            <a:extLst>
              <a:ext uri="{FF2B5EF4-FFF2-40B4-BE49-F238E27FC236}">
                <a16:creationId xmlns:a16="http://schemas.microsoft.com/office/drawing/2014/main" id="{582746E1-3E21-094C-A37A-C81DDA05780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057597" y="3626633"/>
            <a:ext cx="0" cy="2449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1" name="OTLSHAPE_T_465a42621efb4bc79db91674083f9d80_LeftVerticalConnector1">
            <a:extLst>
              <a:ext uri="{FF2B5EF4-FFF2-40B4-BE49-F238E27FC236}">
                <a16:creationId xmlns:a16="http://schemas.microsoft.com/office/drawing/2014/main" id="{5EEC0C6B-36E4-C146-8F65-05060411242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057597" y="3236574"/>
            <a:ext cx="0" cy="219541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2" name="OTLSHAPE_T_79517fda645147e9ae895ab29259f41d_MiddleVerticalConnector1">
            <a:extLst>
              <a:ext uri="{FF2B5EF4-FFF2-40B4-BE49-F238E27FC236}">
                <a16:creationId xmlns:a16="http://schemas.microsoft.com/office/drawing/2014/main" id="{1E26D7F8-E834-9A47-90FC-C06BD70DBFD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 flipV="1">
            <a:off x="4223224" y="3236574"/>
            <a:ext cx="0" cy="203200"/>
          </a:xfrm>
          <a:prstGeom prst="line">
            <a:avLst/>
          </a:prstGeom>
          <a:noFill/>
          <a:ln w="19050" cap="flat" cmpd="sng" algn="ctr">
            <a:solidFill>
              <a:srgbClr val="44546A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3" name="OTLSHAPE_M_42fdb2d4d8a3473fbbe4f286c2bc756f_Connector1">
            <a:extLst>
              <a:ext uri="{FF2B5EF4-FFF2-40B4-BE49-F238E27FC236}">
                <a16:creationId xmlns:a16="http://schemas.microsoft.com/office/drawing/2014/main" id="{A2F9ADBD-8B24-194A-9504-C921D4F9023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974140" y="2407052"/>
            <a:ext cx="0" cy="44852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4" name="OTLSHAPE_M_ad26212a624042f8946c3ee929d0bce4_Connector1">
            <a:extLst>
              <a:ext uri="{FF2B5EF4-FFF2-40B4-BE49-F238E27FC236}">
                <a16:creationId xmlns:a16="http://schemas.microsoft.com/office/drawing/2014/main" id="{9D3C2ED1-7A75-0143-902A-E25B41EC0F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62086" y="1941809"/>
            <a:ext cx="0" cy="913765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5" name="OTLSHAPE_M_1d6d4045bda3413182ef879ca83ea720_Connector1">
            <a:extLst>
              <a:ext uri="{FF2B5EF4-FFF2-40B4-BE49-F238E27FC236}">
                <a16:creationId xmlns:a16="http://schemas.microsoft.com/office/drawing/2014/main" id="{B0D6674A-F824-4A4A-9070-BAD0325D979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062471" y="2407052"/>
            <a:ext cx="0" cy="44852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96" name="OTLSHAPE_M_15462190989a4e5087e6d7cc02e1ed2d_Connector1">
            <a:extLst>
              <a:ext uri="{FF2B5EF4-FFF2-40B4-BE49-F238E27FC236}">
                <a16:creationId xmlns:a16="http://schemas.microsoft.com/office/drawing/2014/main" id="{CD748D44-74DE-384C-9C9E-0EE9CE78C00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209047" y="1910059"/>
            <a:ext cx="0" cy="945515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8" name="OTLSHAPE_TB_00000000000000000000000000000000_ScaleContainer">
            <a:extLst>
              <a:ext uri="{FF2B5EF4-FFF2-40B4-BE49-F238E27FC236}">
                <a16:creationId xmlns:a16="http://schemas.microsoft.com/office/drawing/2014/main" id="{5CED9ED3-0CC9-B043-B5D2-75D8FA13410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55576" y="2855574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TB_00000000000000000000000000000000_ElapsedTime">
            <a:extLst>
              <a:ext uri="{FF2B5EF4-FFF2-40B4-BE49-F238E27FC236}">
                <a16:creationId xmlns:a16="http://schemas.microsoft.com/office/drawing/2014/main" id="{BBC297D8-5886-8D47-A286-E50B2C9B1FE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55576" y="2855574"/>
            <a:ext cx="1409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TB_00000000000000000000000000000000_TimescaleInterval1">
            <a:extLst>
              <a:ext uri="{FF2B5EF4-FFF2-40B4-BE49-F238E27FC236}">
                <a16:creationId xmlns:a16="http://schemas.microsoft.com/office/drawing/2014/main" id="{ACAF4FBD-AF04-FE4A-B5AF-632DAA76ABC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84176" y="295304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8 Baseline</a:t>
            </a:r>
            <a:endParaRPr kumimoji="0" lang="en-GB" sz="1200" b="0" i="0" u="none" strike="noStrike" kern="0" cap="none" spc="-2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cxnSp>
        <p:nvCxnSpPr>
          <p:cNvPr id="101" name="OTLSHAPE_TB_00000000000000000000000000000000_Separator1">
            <a:extLst>
              <a:ext uri="{FF2B5EF4-FFF2-40B4-BE49-F238E27FC236}">
                <a16:creationId xmlns:a16="http://schemas.microsoft.com/office/drawing/2014/main" id="{B5150F23-CDF0-2C49-8F83-F36DF8BC2C9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700674" y="291907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02" name="OTLSHAPE_TB_00000000000000000000000000000000_TimescaleInterval2">
            <a:extLst>
              <a:ext uri="{FF2B5EF4-FFF2-40B4-BE49-F238E27FC236}">
                <a16:creationId xmlns:a16="http://schemas.microsoft.com/office/drawing/2014/main" id="{F1DF38F2-7A39-C54C-9373-FCB8A0AA071B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764174" y="295304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103" name="OTLSHAPE_TB_00000000000000000000000000000000_Separator2">
            <a:extLst>
              <a:ext uri="{FF2B5EF4-FFF2-40B4-BE49-F238E27FC236}">
                <a16:creationId xmlns:a16="http://schemas.microsoft.com/office/drawing/2014/main" id="{54DF9FCB-B008-834D-A8E8-66BE7F49804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480673" y="291907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04" name="OTLSHAPE_TB_00000000000000000000000000000000_TimescaleInterval3">
            <a:extLst>
              <a:ext uri="{FF2B5EF4-FFF2-40B4-BE49-F238E27FC236}">
                <a16:creationId xmlns:a16="http://schemas.microsoft.com/office/drawing/2014/main" id="{1AD1D603-1E86-C543-863E-F8E2C210B04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544173" y="295304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105" name="OTLSHAPE_TB_00000000000000000000000000000000_Separator3">
            <a:extLst>
              <a:ext uri="{FF2B5EF4-FFF2-40B4-BE49-F238E27FC236}">
                <a16:creationId xmlns:a16="http://schemas.microsoft.com/office/drawing/2014/main" id="{DA409C2B-D29D-7E49-95E2-5F4A4269020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265548" y="291907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06" name="OTLSHAPE_TB_00000000000000000000000000000000_TimescaleInterval4">
            <a:extLst>
              <a:ext uri="{FF2B5EF4-FFF2-40B4-BE49-F238E27FC236}">
                <a16:creationId xmlns:a16="http://schemas.microsoft.com/office/drawing/2014/main" id="{830BE631-4D14-E04B-9C31-D09BDD1D232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29048" y="295304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110" name="OTLSHAPE_M_15462190989a4e5087e6d7cc02e1ed2d_Title">
            <a:extLst>
              <a:ext uri="{FF2B5EF4-FFF2-40B4-BE49-F238E27FC236}">
                <a16:creationId xmlns:a16="http://schemas.microsoft.com/office/drawing/2014/main" id="{635F7231-E685-3243-BF5B-DE8CF4A958F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431297" y="179173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RFQ/MEBT/DTL1</a:t>
            </a:r>
          </a:p>
        </p:txBody>
      </p:sp>
      <p:sp>
        <p:nvSpPr>
          <p:cNvPr id="111" name="OTLSHAPE_M_15462190989a4e5087e6d7cc02e1ed2d_Date">
            <a:extLst>
              <a:ext uri="{FF2B5EF4-FFF2-40B4-BE49-F238E27FC236}">
                <a16:creationId xmlns:a16="http://schemas.microsoft.com/office/drawing/2014/main" id="{A5F91AD8-06FD-6E41-BD9F-B66E412B985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431297" y="198765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4 Nov '19</a:t>
            </a:r>
          </a:p>
        </p:txBody>
      </p:sp>
      <p:sp>
        <p:nvSpPr>
          <p:cNvPr id="112" name="OTLSHAPE_M_15462190989a4e5087e6d7cc02e1ed2d_Shape">
            <a:extLst>
              <a:ext uri="{FF2B5EF4-FFF2-40B4-BE49-F238E27FC236}">
                <a16:creationId xmlns:a16="http://schemas.microsoft.com/office/drawing/2014/main" id="{EB08275D-D0FF-E443-BFB1-A45EA2B4D70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4234447" y="1910059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M_1d6d4045bda3413182ef879ca83ea720_Title">
            <a:extLst>
              <a:ext uri="{FF2B5EF4-FFF2-40B4-BE49-F238E27FC236}">
                <a16:creationId xmlns:a16="http://schemas.microsoft.com/office/drawing/2014/main" id="{BF902151-7C21-C947-AA27-50EBD5F440B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284721" y="228873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114" name="OTLSHAPE_M_1d6d4045bda3413182ef879ca83ea720_Date">
            <a:extLst>
              <a:ext uri="{FF2B5EF4-FFF2-40B4-BE49-F238E27FC236}">
                <a16:creationId xmlns:a16="http://schemas.microsoft.com/office/drawing/2014/main" id="{AFAC526E-9B94-354F-BE36-0651445B74F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84721" y="248464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 Apr '20</a:t>
            </a:r>
          </a:p>
        </p:txBody>
      </p:sp>
      <p:sp>
        <p:nvSpPr>
          <p:cNvPr id="115" name="OTLSHAPE_M_1d6d4045bda3413182ef879ca83ea720_Shape">
            <a:extLst>
              <a:ext uri="{FF2B5EF4-FFF2-40B4-BE49-F238E27FC236}">
                <a16:creationId xmlns:a16="http://schemas.microsoft.com/office/drawing/2014/main" id="{9D4E1557-0B16-D444-A878-ED0AC24F143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5087871" y="240705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M_ad26212a624042f8946c3ee929d0bce4_Title">
            <a:extLst>
              <a:ext uri="{FF2B5EF4-FFF2-40B4-BE49-F238E27FC236}">
                <a16:creationId xmlns:a16="http://schemas.microsoft.com/office/drawing/2014/main" id="{F1A5957B-D1BE-8B4C-83B4-E9F35770FFA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684336" y="1823487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Beam Dump (BOD)</a:t>
            </a:r>
          </a:p>
        </p:txBody>
      </p:sp>
      <p:sp>
        <p:nvSpPr>
          <p:cNvPr id="117" name="OTLSHAPE_M_ad26212a624042f8946c3ee929d0bce4_Date">
            <a:extLst>
              <a:ext uri="{FF2B5EF4-FFF2-40B4-BE49-F238E27FC236}">
                <a16:creationId xmlns:a16="http://schemas.microsoft.com/office/drawing/2014/main" id="{2AC7EB63-FEEC-4843-85FC-7557F1B7811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684336" y="201940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8 Feb '21</a:t>
            </a:r>
          </a:p>
        </p:txBody>
      </p:sp>
      <p:sp>
        <p:nvSpPr>
          <p:cNvPr id="118" name="OTLSHAPE_M_ad26212a624042f8946c3ee929d0bce4_Shape">
            <a:extLst>
              <a:ext uri="{FF2B5EF4-FFF2-40B4-BE49-F238E27FC236}">
                <a16:creationId xmlns:a16="http://schemas.microsoft.com/office/drawing/2014/main" id="{B5F43E53-5E48-184A-999A-F51F44E444A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6487486" y="1941809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M_42fdb2d4d8a3473fbbe4f286c2bc756f_Title">
            <a:extLst>
              <a:ext uri="{FF2B5EF4-FFF2-40B4-BE49-F238E27FC236}">
                <a16:creationId xmlns:a16="http://schemas.microsoft.com/office/drawing/2014/main" id="{2E2D4D53-8C80-5C4D-AE78-26803952A6B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196390" y="2288731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RBOT</a:t>
            </a:r>
          </a:p>
        </p:txBody>
      </p:sp>
      <p:sp>
        <p:nvSpPr>
          <p:cNvPr id="120" name="OTLSHAPE_M_42fdb2d4d8a3473fbbe4f286c2bc756f_Date">
            <a:extLst>
              <a:ext uri="{FF2B5EF4-FFF2-40B4-BE49-F238E27FC236}">
                <a16:creationId xmlns:a16="http://schemas.microsoft.com/office/drawing/2014/main" id="{254469AE-BDAB-7143-9AED-DC66F967792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196390" y="2484649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4 May '21</a:t>
            </a:r>
          </a:p>
        </p:txBody>
      </p:sp>
      <p:sp>
        <p:nvSpPr>
          <p:cNvPr id="121" name="OTLSHAPE_M_42fdb2d4d8a3473fbbe4f286c2bc756f_Shape">
            <a:extLst>
              <a:ext uri="{FF2B5EF4-FFF2-40B4-BE49-F238E27FC236}">
                <a16:creationId xmlns:a16="http://schemas.microsoft.com/office/drawing/2014/main" id="{38CAAC2E-2634-2A47-88C4-83DDAAD6106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6999540" y="240705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T_79517fda645147e9ae895ab29259f41d_Shape">
            <a:extLst>
              <a:ext uri="{FF2B5EF4-FFF2-40B4-BE49-F238E27FC236}">
                <a16:creationId xmlns:a16="http://schemas.microsoft.com/office/drawing/2014/main" id="{81B86A7C-9226-5642-9E5E-33513B9922A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197824" y="3439774"/>
            <a:ext cx="50800" cy="2032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T_79517fda645147e9ae895ab29259f41d_Duration">
            <a:extLst>
              <a:ext uri="{FF2B5EF4-FFF2-40B4-BE49-F238E27FC236}">
                <a16:creationId xmlns:a16="http://schemas.microsoft.com/office/drawing/2014/main" id="{9B09D933-5CE3-1A43-89B6-88865BBECE4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564644" y="34638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</a:rPr>
              <a:t>0.3 months</a:t>
            </a:r>
          </a:p>
        </p:txBody>
      </p:sp>
      <p:sp>
        <p:nvSpPr>
          <p:cNvPr id="124" name="OTLSHAPE_T_79517fda645147e9ae895ab29259f41d_Title">
            <a:extLst>
              <a:ext uri="{FF2B5EF4-FFF2-40B4-BE49-F238E27FC236}">
                <a16:creationId xmlns:a16="http://schemas.microsoft.com/office/drawing/2014/main" id="{889ED30A-D106-B744-BAAE-3EBA4AC67B2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299424" y="3456115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Beam to RFQ/MEBT Delay</a:t>
            </a:r>
          </a:p>
        </p:txBody>
      </p:sp>
      <p:sp>
        <p:nvSpPr>
          <p:cNvPr id="125" name="OTLSHAPE_T_465a42621efb4bc79db91674083f9d80_Shape">
            <a:extLst>
              <a:ext uri="{FF2B5EF4-FFF2-40B4-BE49-F238E27FC236}">
                <a16:creationId xmlns:a16="http://schemas.microsoft.com/office/drawing/2014/main" id="{8C1DF660-200F-CA48-8996-C1348C207DB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051247" y="3769974"/>
            <a:ext cx="381000" cy="2032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T_465a42621efb4bc79db91674083f9d80_Duration">
            <a:extLst>
              <a:ext uri="{FF2B5EF4-FFF2-40B4-BE49-F238E27FC236}">
                <a16:creationId xmlns:a16="http://schemas.microsoft.com/office/drawing/2014/main" id="{6955679C-1A0E-EE48-9826-AB5ECEFB1E2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18068" y="37940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</a:rPr>
              <a:t>2.6 months</a:t>
            </a:r>
            <a:endParaRPr kumimoji="0" lang="en-GB" sz="1000" b="0" i="0" u="none" strike="noStrike" kern="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</a:endParaRPr>
          </a:p>
        </p:txBody>
      </p:sp>
      <p:sp>
        <p:nvSpPr>
          <p:cNvPr id="127" name="OTLSHAPE_T_465a42621efb4bc79db91674083f9d80_Title">
            <a:extLst>
              <a:ext uri="{FF2B5EF4-FFF2-40B4-BE49-F238E27FC236}">
                <a16:creationId xmlns:a16="http://schemas.microsoft.com/office/drawing/2014/main" id="{9E537C72-DCB5-0B47-A840-3BC8EDF24CC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482427" y="3786315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Beam to DTL4 Delay</a:t>
            </a:r>
          </a:p>
        </p:txBody>
      </p:sp>
      <p:sp>
        <p:nvSpPr>
          <p:cNvPr id="128" name="OTLSHAPE_T_d85a95d3b01d4d84aa9e517a31261f8a_Shape">
            <a:extLst>
              <a:ext uri="{FF2B5EF4-FFF2-40B4-BE49-F238E27FC236}">
                <a16:creationId xmlns:a16="http://schemas.microsoft.com/office/drawing/2014/main" id="{1107CCD4-74A4-EE47-A162-E5C1D2C48E4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450862" y="4100174"/>
            <a:ext cx="381000" cy="2032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T_d85a95d3b01d4d84aa9e517a31261f8a_Duration">
            <a:extLst>
              <a:ext uri="{FF2B5EF4-FFF2-40B4-BE49-F238E27FC236}">
                <a16:creationId xmlns:a16="http://schemas.microsoft.com/office/drawing/2014/main" id="{0982ADB3-2423-1F4E-8F7E-6C17D0A804A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817683" y="41242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</a:rPr>
              <a:t>2.6 months</a:t>
            </a:r>
          </a:p>
        </p:txBody>
      </p:sp>
      <p:sp>
        <p:nvSpPr>
          <p:cNvPr id="130" name="OTLSHAPE_T_d85a95d3b01d4d84aa9e517a31261f8a_Title">
            <a:extLst>
              <a:ext uri="{FF2B5EF4-FFF2-40B4-BE49-F238E27FC236}">
                <a16:creationId xmlns:a16="http://schemas.microsoft.com/office/drawing/2014/main" id="{A372EC9F-C017-7242-AF9A-CDE53C6FF3E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882042" y="411651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BOD Delay</a:t>
            </a:r>
          </a:p>
        </p:txBody>
      </p:sp>
      <p:sp>
        <p:nvSpPr>
          <p:cNvPr id="131" name="OTLSHAPE_T_2becf7a4f5264081a26c0b37b67ad568_Shape">
            <a:extLst>
              <a:ext uri="{FF2B5EF4-FFF2-40B4-BE49-F238E27FC236}">
                <a16:creationId xmlns:a16="http://schemas.microsoft.com/office/drawing/2014/main" id="{A9FE0416-06BD-054F-AC22-CAD93B3CDC2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962917" y="4430374"/>
            <a:ext cx="381000" cy="2032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T_2becf7a4f5264081a26c0b37b67ad568_Duration">
            <a:extLst>
              <a:ext uri="{FF2B5EF4-FFF2-40B4-BE49-F238E27FC236}">
                <a16:creationId xmlns:a16="http://schemas.microsoft.com/office/drawing/2014/main" id="{73298965-4216-2D4B-81A4-F8857133980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29737" y="44544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</a:rPr>
              <a:t>2.6 months</a:t>
            </a:r>
          </a:p>
        </p:txBody>
      </p:sp>
      <p:sp>
        <p:nvSpPr>
          <p:cNvPr id="133" name="OTLSHAPE_T_2becf7a4f5264081a26c0b37b67ad568_Title">
            <a:extLst>
              <a:ext uri="{FF2B5EF4-FFF2-40B4-BE49-F238E27FC236}">
                <a16:creationId xmlns:a16="http://schemas.microsoft.com/office/drawing/2014/main" id="{99D26270-DADD-2540-BF3A-45BC1F2DDBF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394096" y="444671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BOT Delay</a:t>
            </a:r>
          </a:p>
        </p:txBody>
      </p:sp>
      <p:cxnSp>
        <p:nvCxnSpPr>
          <p:cNvPr id="134" name="OTLSHAPE_M_42fdb2d4d8a3473fbbe4f286c2bc756f_Connector1">
            <a:extLst>
              <a:ext uri="{FF2B5EF4-FFF2-40B4-BE49-F238E27FC236}">
                <a16:creationId xmlns:a16="http://schemas.microsoft.com/office/drawing/2014/main" id="{4E43E19D-0E44-4842-902C-78BED2388964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7349646" y="5205225"/>
            <a:ext cx="0" cy="44852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5" name="OTLSHAPE_M_ad26212a624042f8946c3ee929d0bce4_Connector1">
            <a:extLst>
              <a:ext uri="{FF2B5EF4-FFF2-40B4-BE49-F238E27FC236}">
                <a16:creationId xmlns:a16="http://schemas.microsoft.com/office/drawing/2014/main" id="{A7F0BFB9-A703-C441-A810-988FFA11C16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6837592" y="5205225"/>
            <a:ext cx="0" cy="913765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6" name="OTLSHAPE_M_1d6d4045bda3413182ef879ca83ea720_Connector1">
            <a:extLst>
              <a:ext uri="{FF2B5EF4-FFF2-40B4-BE49-F238E27FC236}">
                <a16:creationId xmlns:a16="http://schemas.microsoft.com/office/drawing/2014/main" id="{743B6735-8248-3844-AD46-6F1F889BE24E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437977" y="5205225"/>
            <a:ext cx="0" cy="44852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7" name="OTLSHAPE_M_15462190989a4e5087e6d7cc02e1ed2d_Connector1">
            <a:extLst>
              <a:ext uri="{FF2B5EF4-FFF2-40B4-BE49-F238E27FC236}">
                <a16:creationId xmlns:a16="http://schemas.microsoft.com/office/drawing/2014/main" id="{F51A1446-6B6D-4C43-A38A-E34106236EA2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4243184" y="5205225"/>
            <a:ext cx="0" cy="44852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38" name="OTLSHAPE_TB_00000000000000000000000000000000_ScaleContainer">
            <a:extLst>
              <a:ext uri="{FF2B5EF4-FFF2-40B4-BE49-F238E27FC236}">
                <a16:creationId xmlns:a16="http://schemas.microsoft.com/office/drawing/2014/main" id="{FF04C22E-76EF-4A46-AA96-669B99C6E85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55576" y="4824225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TB_00000000000000000000000000000000_ElapsedTime">
            <a:extLst>
              <a:ext uri="{FF2B5EF4-FFF2-40B4-BE49-F238E27FC236}">
                <a16:creationId xmlns:a16="http://schemas.microsoft.com/office/drawing/2014/main" id="{92638250-7BEE-7F4A-AE8B-0E2AC99FFD4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55576" y="4824225"/>
            <a:ext cx="1409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TB_00000000000000000000000000000000_TimescaleInterval1">
            <a:extLst>
              <a:ext uri="{FF2B5EF4-FFF2-40B4-BE49-F238E27FC236}">
                <a16:creationId xmlns:a16="http://schemas.microsoft.com/office/drawing/2014/main" id="{5D8FE4CD-C72C-9540-BC41-740CD3F3F64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84176" y="49216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September 2018</a:t>
            </a:r>
          </a:p>
        </p:txBody>
      </p:sp>
      <p:cxnSp>
        <p:nvCxnSpPr>
          <p:cNvPr id="141" name="OTLSHAPE_TB_00000000000000000000000000000000_Separator1">
            <a:extLst>
              <a:ext uri="{FF2B5EF4-FFF2-40B4-BE49-F238E27FC236}">
                <a16:creationId xmlns:a16="http://schemas.microsoft.com/office/drawing/2014/main" id="{EA934C75-E9ED-094C-A108-56ABFD06057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2700674" y="4887725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42" name="OTLSHAPE_TB_00000000000000000000000000000000_TimescaleInterval2">
            <a:extLst>
              <a:ext uri="{FF2B5EF4-FFF2-40B4-BE49-F238E27FC236}">
                <a16:creationId xmlns:a16="http://schemas.microsoft.com/office/drawing/2014/main" id="{1E5148CE-85D3-254E-96E9-80AD940E5EB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764174" y="49216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143" name="OTLSHAPE_TB_00000000000000000000000000000000_Separator2">
            <a:extLst>
              <a:ext uri="{FF2B5EF4-FFF2-40B4-BE49-F238E27FC236}">
                <a16:creationId xmlns:a16="http://schemas.microsoft.com/office/drawing/2014/main" id="{F748AC38-46B0-DA4C-B660-C1C54B74B191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4480673" y="4887725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44" name="OTLSHAPE_TB_00000000000000000000000000000000_TimescaleInterval3">
            <a:extLst>
              <a:ext uri="{FF2B5EF4-FFF2-40B4-BE49-F238E27FC236}">
                <a16:creationId xmlns:a16="http://schemas.microsoft.com/office/drawing/2014/main" id="{F5EF9252-AE8D-E94A-97F5-4F2DF14AA3C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544173" y="49216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145" name="OTLSHAPE_TB_00000000000000000000000000000000_Separator3">
            <a:extLst>
              <a:ext uri="{FF2B5EF4-FFF2-40B4-BE49-F238E27FC236}">
                <a16:creationId xmlns:a16="http://schemas.microsoft.com/office/drawing/2014/main" id="{34913BD7-255F-8348-840E-5C686472B134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265548" y="4887725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46" name="OTLSHAPE_TB_00000000000000000000000000000000_TimescaleInterval4">
            <a:extLst>
              <a:ext uri="{FF2B5EF4-FFF2-40B4-BE49-F238E27FC236}">
                <a16:creationId xmlns:a16="http://schemas.microsoft.com/office/drawing/2014/main" id="{D9BD6FFC-0BE2-7240-BAF5-A785876ED78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29048" y="49216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147" name="OTLSHAPE_M_15462190989a4e5087e6d7cc02e1ed2d_Title">
            <a:extLst>
              <a:ext uri="{FF2B5EF4-FFF2-40B4-BE49-F238E27FC236}">
                <a16:creationId xmlns:a16="http://schemas.microsoft.com/office/drawing/2014/main" id="{C1AFF3C9-E31F-6F44-A6D9-E48A3C87E9C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465434" y="560155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1</a:t>
            </a:r>
          </a:p>
        </p:txBody>
      </p:sp>
      <p:sp>
        <p:nvSpPr>
          <p:cNvPr id="148" name="OTLSHAPE_M_15462190989a4e5087e6d7cc02e1ed2d_Date">
            <a:extLst>
              <a:ext uri="{FF2B5EF4-FFF2-40B4-BE49-F238E27FC236}">
                <a16:creationId xmlns:a16="http://schemas.microsoft.com/office/drawing/2014/main" id="{9D87777A-A849-CB4B-91B0-165609DD53A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465434" y="542112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11/2019</a:t>
            </a:r>
          </a:p>
        </p:txBody>
      </p:sp>
      <p:sp>
        <p:nvSpPr>
          <p:cNvPr id="149" name="OTLSHAPE_M_15462190989a4e5087e6d7cc02e1ed2d_Shape">
            <a:extLst>
              <a:ext uri="{FF2B5EF4-FFF2-40B4-BE49-F238E27FC236}">
                <a16:creationId xmlns:a16="http://schemas.microsoft.com/office/drawing/2014/main" id="{0C7A2574-09F8-134F-B148-C2358DD73E7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4268584" y="548864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M_1d6d4045bda3413182ef879ca83ea720_Title">
            <a:extLst>
              <a:ext uri="{FF2B5EF4-FFF2-40B4-BE49-F238E27FC236}">
                <a16:creationId xmlns:a16="http://schemas.microsoft.com/office/drawing/2014/main" id="{D638A384-26BD-5F4C-A711-BE8386A6AB3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660227" y="560155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151" name="OTLSHAPE_M_1d6d4045bda3413182ef879ca83ea720_Date">
            <a:extLst>
              <a:ext uri="{FF2B5EF4-FFF2-40B4-BE49-F238E27FC236}">
                <a16:creationId xmlns:a16="http://schemas.microsoft.com/office/drawing/2014/main" id="{436A6BDC-3CB4-C34E-AE8B-140F29D574A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660227" y="54211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3/7/2020</a:t>
            </a:r>
          </a:p>
        </p:txBody>
      </p:sp>
      <p:sp>
        <p:nvSpPr>
          <p:cNvPr id="152" name="OTLSHAPE_M_1d6d4045bda3413182ef879ca83ea720_Shape">
            <a:extLst>
              <a:ext uri="{FF2B5EF4-FFF2-40B4-BE49-F238E27FC236}">
                <a16:creationId xmlns:a16="http://schemas.microsoft.com/office/drawing/2014/main" id="{141E91EF-E36F-7244-A501-7A93BD32B77A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5463377" y="548864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M_ad26212a624042f8946c3ee929d0bce4_Title">
            <a:extLst>
              <a:ext uri="{FF2B5EF4-FFF2-40B4-BE49-F238E27FC236}">
                <a16:creationId xmlns:a16="http://schemas.microsoft.com/office/drawing/2014/main" id="{B0E17BAE-B0E9-A543-BAC7-CCA273C01A6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059842" y="6066793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Beam Dump (BOD)</a:t>
            </a:r>
          </a:p>
        </p:txBody>
      </p:sp>
      <p:sp>
        <p:nvSpPr>
          <p:cNvPr id="154" name="OTLSHAPE_M_ad26212a624042f8946c3ee929d0bce4_Date">
            <a:extLst>
              <a:ext uri="{FF2B5EF4-FFF2-40B4-BE49-F238E27FC236}">
                <a16:creationId xmlns:a16="http://schemas.microsoft.com/office/drawing/2014/main" id="{B8DA66ED-4392-9548-957A-4EE535A37AD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059842" y="588636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6/4/2021</a:t>
            </a:r>
          </a:p>
        </p:txBody>
      </p:sp>
      <p:sp>
        <p:nvSpPr>
          <p:cNvPr id="155" name="OTLSHAPE_M_ad26212a624042f8946c3ee929d0bce4_Shape">
            <a:extLst>
              <a:ext uri="{FF2B5EF4-FFF2-40B4-BE49-F238E27FC236}">
                <a16:creationId xmlns:a16="http://schemas.microsoft.com/office/drawing/2014/main" id="{F50BC482-0C3C-9945-9163-4BF237F674C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6862992" y="5953890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M_42fdb2d4d8a3473fbbe4f286c2bc756f_Title">
            <a:extLst>
              <a:ext uri="{FF2B5EF4-FFF2-40B4-BE49-F238E27FC236}">
                <a16:creationId xmlns:a16="http://schemas.microsoft.com/office/drawing/2014/main" id="{2C361902-6848-6F4A-9CF9-406FFB7D4F4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571896" y="5601550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RBOT</a:t>
            </a:r>
          </a:p>
        </p:txBody>
      </p:sp>
      <p:sp>
        <p:nvSpPr>
          <p:cNvPr id="157" name="OTLSHAPE_M_42fdb2d4d8a3473fbbe4f286c2bc756f_Date">
            <a:extLst>
              <a:ext uri="{FF2B5EF4-FFF2-40B4-BE49-F238E27FC236}">
                <a16:creationId xmlns:a16="http://schemas.microsoft.com/office/drawing/2014/main" id="{BB874B8A-E408-7644-BCC7-1EC87654C32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571896" y="542112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9/8/2021</a:t>
            </a:r>
          </a:p>
        </p:txBody>
      </p:sp>
      <p:sp>
        <p:nvSpPr>
          <p:cNvPr id="158" name="OTLSHAPE_M_42fdb2d4d8a3473fbbe4f286c2bc756f_Shape">
            <a:extLst>
              <a:ext uri="{FF2B5EF4-FFF2-40B4-BE49-F238E27FC236}">
                <a16:creationId xmlns:a16="http://schemas.microsoft.com/office/drawing/2014/main" id="{85060E94-6F8D-174F-9E73-1842E1E4EEF5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16200000">
            <a:off x="7375046" y="548864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7928144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F075E-E4CA-474E-A681-9716E834D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Big Pictur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029FDE-767C-C841-A064-AD89368A0C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2</a:t>
            </a:fld>
            <a:endParaRPr lang="en-GB" noProof="0"/>
          </a:p>
        </p:txBody>
      </p:sp>
      <p:cxnSp>
        <p:nvCxnSpPr>
          <p:cNvPr id="47" name="OTLSHAPE_M_c84a122c0d264aa182ec835483cc070e_Connector1">
            <a:extLst>
              <a:ext uri="{FF2B5EF4-FFF2-40B4-BE49-F238E27FC236}">
                <a16:creationId xmlns:a16="http://schemas.microsoft.com/office/drawing/2014/main" id="{89DB2284-F8CF-324E-8C08-28BA7339255D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6073801" y="4122702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8" name="OTLSHAPE_M_42029ffc31ed43b6a7c8bfb3ae80e6db_Connector1">
            <a:extLst>
              <a:ext uri="{FF2B5EF4-FFF2-40B4-BE49-F238E27FC236}">
                <a16:creationId xmlns:a16="http://schemas.microsoft.com/office/drawing/2014/main" id="{F7CF4A36-9D78-3B48-8510-7BC68EB1B6B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848922" y="3298132"/>
            <a:ext cx="0" cy="44356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9" name="OTLSHAPE_M_8d7a221684f14af6be101e2d47a3db1e_Connector1">
            <a:extLst>
              <a:ext uri="{FF2B5EF4-FFF2-40B4-BE49-F238E27FC236}">
                <a16:creationId xmlns:a16="http://schemas.microsoft.com/office/drawing/2014/main" id="{6301B34F-79A7-0548-9121-C8C86BD660A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803419" y="3383392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0" name="OTLSHAPE_M_42fdb2d4d8a3473fbbe4f286c2bc756f_Connector1">
            <a:extLst>
              <a:ext uri="{FF2B5EF4-FFF2-40B4-BE49-F238E27FC236}">
                <a16:creationId xmlns:a16="http://schemas.microsoft.com/office/drawing/2014/main" id="{59BC83C9-71DA-CA4D-9C47-807E8E50B40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008515" y="3013314"/>
            <a:ext cx="0" cy="728387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1" name="OTLSHAPE_M_ad26212a624042f8946c3ee929d0bce4_Connector2">
            <a:extLst>
              <a:ext uri="{FF2B5EF4-FFF2-40B4-BE49-F238E27FC236}">
                <a16:creationId xmlns:a16="http://schemas.microsoft.com/office/drawing/2014/main" id="{BDB5CD7A-634C-9946-9AE2-3973A2156EB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752488" y="3525801"/>
            <a:ext cx="0" cy="215900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2" name="OTLSHAPE_M_ad26212a624042f8946c3ee929d0bce4_Connector1">
            <a:extLst>
              <a:ext uri="{FF2B5EF4-FFF2-40B4-BE49-F238E27FC236}">
                <a16:creationId xmlns:a16="http://schemas.microsoft.com/office/drawing/2014/main" id="{1CB81C65-BAD2-F942-93D4-D4B917EDB64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752488" y="2643236"/>
            <a:ext cx="0" cy="712047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3" name="OTLSHAPE_M_1d6d4045bda3413182ef879ca83ea720_Connector1">
            <a:extLst>
              <a:ext uri="{FF2B5EF4-FFF2-40B4-BE49-F238E27FC236}">
                <a16:creationId xmlns:a16="http://schemas.microsoft.com/office/drawing/2014/main" id="{B560470F-C11F-764C-BFDD-827076D077A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52681" y="3383392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4" name="OTLSHAPE_M_15462190989a4e5087e6d7cc02e1ed2d_Connector1">
            <a:extLst>
              <a:ext uri="{FF2B5EF4-FFF2-40B4-BE49-F238E27FC236}">
                <a16:creationId xmlns:a16="http://schemas.microsoft.com/office/drawing/2014/main" id="{A61A0E1C-EB59-B64B-8C86-12A219DF44C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455284" y="3098573"/>
            <a:ext cx="0" cy="643128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5" name="OTLSHAPE_M_2d0797157b8f4b8eac03a9e74cdce7ed_Connector1">
            <a:extLst>
              <a:ext uri="{FF2B5EF4-FFF2-40B4-BE49-F238E27FC236}">
                <a16:creationId xmlns:a16="http://schemas.microsoft.com/office/drawing/2014/main" id="{C9D9B2AD-7505-B64D-AE1D-E2A45214369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431176" y="3383392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6" name="OTLSHAPE_TB_00000000000000000000000000000000_ScaleContainer">
            <a:extLst>
              <a:ext uri="{FF2B5EF4-FFF2-40B4-BE49-F238E27FC236}">
                <a16:creationId xmlns:a16="http://schemas.microsoft.com/office/drawing/2014/main" id="{ED2BA2AF-FCC0-234E-B6A9-E5E98731836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25755" y="3741701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TB_00000000000000000000000000000000_ElapsedTime">
            <a:extLst>
              <a:ext uri="{FF2B5EF4-FFF2-40B4-BE49-F238E27FC236}">
                <a16:creationId xmlns:a16="http://schemas.microsoft.com/office/drawing/2014/main" id="{5B836314-A6EF-FC4F-A1DB-09FB32F3048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25755" y="3741701"/>
            <a:ext cx="7874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FAB77BEC-D244-4442-B654-8FD1A1787BC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54355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8</a:t>
            </a:r>
          </a:p>
        </p:txBody>
      </p:sp>
      <p:cxnSp>
        <p:nvCxnSpPr>
          <p:cNvPr id="59" name="OTLSHAPE_TB_00000000000000000000000000000000_Separator1">
            <a:extLst>
              <a:ext uri="{FF2B5EF4-FFF2-40B4-BE49-F238E27FC236}">
                <a16:creationId xmlns:a16="http://schemas.microsoft.com/office/drawing/2014/main" id="{D17976D1-9472-9B40-AC4E-85BD0D8561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680854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0" name="OTLSHAPE_TB_00000000000000000000000000000000_TimescaleInterval2">
            <a:extLst>
              <a:ext uri="{FF2B5EF4-FFF2-40B4-BE49-F238E27FC236}">
                <a16:creationId xmlns:a16="http://schemas.microsoft.com/office/drawing/2014/main" id="{4E59DD71-BD39-E24D-A37F-83DD3C0E9BE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744354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61" name="OTLSHAPE_TB_00000000000000000000000000000000_Separator2">
            <a:extLst>
              <a:ext uri="{FF2B5EF4-FFF2-40B4-BE49-F238E27FC236}">
                <a16:creationId xmlns:a16="http://schemas.microsoft.com/office/drawing/2014/main" id="{29485561-0386-2C4A-9D3E-E995428E107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570853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2" name="OTLSHAPE_TB_00000000000000000000000000000000_TimescaleInterval3">
            <a:extLst>
              <a:ext uri="{FF2B5EF4-FFF2-40B4-BE49-F238E27FC236}">
                <a16:creationId xmlns:a16="http://schemas.microsoft.com/office/drawing/2014/main" id="{3A127D77-2096-7340-832A-96F6E4F41DA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634353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63" name="OTLSHAPE_TB_00000000000000000000000000000000_Separator3">
            <a:extLst>
              <a:ext uri="{FF2B5EF4-FFF2-40B4-BE49-F238E27FC236}">
                <a16:creationId xmlns:a16="http://schemas.microsoft.com/office/drawing/2014/main" id="{84885554-AE94-FA4D-BF9F-125649437D4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463291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4" name="OTLSHAPE_TB_00000000000000000000000000000000_TimescaleInterval4">
            <a:extLst>
              <a:ext uri="{FF2B5EF4-FFF2-40B4-BE49-F238E27FC236}">
                <a16:creationId xmlns:a16="http://schemas.microsoft.com/office/drawing/2014/main" id="{939879A1-CD0D-9A41-BFC2-B3C1D8B94F2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526791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cxnSp>
        <p:nvCxnSpPr>
          <p:cNvPr id="65" name="OTLSHAPE_TB_00000000000000000000000000000000_Separator4">
            <a:extLst>
              <a:ext uri="{FF2B5EF4-FFF2-40B4-BE49-F238E27FC236}">
                <a16:creationId xmlns:a16="http://schemas.microsoft.com/office/drawing/2014/main" id="{2C608F4F-946F-E849-9911-2A5D610DD56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353290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" name="OTLSHAPE_TB_00000000000000000000000000000000_TimescaleInterval5">
            <a:extLst>
              <a:ext uri="{FF2B5EF4-FFF2-40B4-BE49-F238E27FC236}">
                <a16:creationId xmlns:a16="http://schemas.microsoft.com/office/drawing/2014/main" id="{6B27083C-1634-4F49-A956-B3CA0241AEC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416790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2</a:t>
            </a:r>
          </a:p>
        </p:txBody>
      </p:sp>
      <p:cxnSp>
        <p:nvCxnSpPr>
          <p:cNvPr id="67" name="OTLSHAPE_TB_00000000000000000000000000000000_Separator5">
            <a:extLst>
              <a:ext uri="{FF2B5EF4-FFF2-40B4-BE49-F238E27FC236}">
                <a16:creationId xmlns:a16="http://schemas.microsoft.com/office/drawing/2014/main" id="{BEFBFF30-93C9-B543-8299-7FFD1FAE56C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243289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8" name="OTLSHAPE_TB_00000000000000000000000000000000_TimescaleInterval6">
            <a:extLst>
              <a:ext uri="{FF2B5EF4-FFF2-40B4-BE49-F238E27FC236}">
                <a16:creationId xmlns:a16="http://schemas.microsoft.com/office/drawing/2014/main" id="{03CA646C-9AED-1644-9F2A-2BB4E2D0C96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306789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3</a:t>
            </a:r>
          </a:p>
        </p:txBody>
      </p:sp>
      <p:cxnSp>
        <p:nvCxnSpPr>
          <p:cNvPr id="69" name="OTLSHAPE_TB_00000000000000000000000000000000_Separator6">
            <a:extLst>
              <a:ext uri="{FF2B5EF4-FFF2-40B4-BE49-F238E27FC236}">
                <a16:creationId xmlns:a16="http://schemas.microsoft.com/office/drawing/2014/main" id="{E7D60758-F4DF-7644-AB8C-A2F57C09FA7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133288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0" name="OTLSHAPE_TB_00000000000000000000000000000000_TimescaleInterval7">
            <a:extLst>
              <a:ext uri="{FF2B5EF4-FFF2-40B4-BE49-F238E27FC236}">
                <a16:creationId xmlns:a16="http://schemas.microsoft.com/office/drawing/2014/main" id="{CA9B5957-B27E-254A-A48E-01543991E8C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96788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4</a:t>
            </a:r>
          </a:p>
        </p:txBody>
      </p:sp>
      <p:cxnSp>
        <p:nvCxnSpPr>
          <p:cNvPr id="71" name="OTLSHAPE_TB_00000000000000000000000000000000_Separator7">
            <a:extLst>
              <a:ext uri="{FF2B5EF4-FFF2-40B4-BE49-F238E27FC236}">
                <a16:creationId xmlns:a16="http://schemas.microsoft.com/office/drawing/2014/main" id="{5BD2E022-24B0-9149-A632-1898C8AE652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025725" y="3805201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2" name="OTLSHAPE_TB_00000000000000000000000000000000_TimescaleInterval8">
            <a:extLst>
              <a:ext uri="{FF2B5EF4-FFF2-40B4-BE49-F238E27FC236}">
                <a16:creationId xmlns:a16="http://schemas.microsoft.com/office/drawing/2014/main" id="{2AEA2B03-2A77-374F-A06E-0E401C0E226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7089225" y="38391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5</a:t>
            </a:r>
          </a:p>
        </p:txBody>
      </p:sp>
      <p:sp>
        <p:nvSpPr>
          <p:cNvPr id="73" name="OTLSHAPE_M_2d0797157b8f4b8eac03a9e74cdce7ed_Title">
            <a:extLst>
              <a:ext uri="{FF2B5EF4-FFF2-40B4-BE49-F238E27FC236}">
                <a16:creationId xmlns:a16="http://schemas.microsoft.com/office/drawing/2014/main" id="{65A1C29E-A7D2-804D-8A2A-137177ED10E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653426" y="3355282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LEBT </a:t>
            </a:r>
          </a:p>
        </p:txBody>
      </p:sp>
      <p:sp>
        <p:nvSpPr>
          <p:cNvPr id="74" name="OTLSHAPE_M_2d0797157b8f4b8eac03a9e74cdce7ed_Shape">
            <a:extLst>
              <a:ext uri="{FF2B5EF4-FFF2-40B4-BE49-F238E27FC236}">
                <a16:creationId xmlns:a16="http://schemas.microsoft.com/office/drawing/2014/main" id="{A0249A9F-FC31-2F4C-B1A7-39B5B9991A8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1456576" y="338339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" name="OTLSHAPE_M_15462190989a4e5087e6d7cc02e1ed2d_Title">
            <a:extLst>
              <a:ext uri="{FF2B5EF4-FFF2-40B4-BE49-F238E27FC236}">
                <a16:creationId xmlns:a16="http://schemas.microsoft.com/office/drawing/2014/main" id="{7A8C3DF9-250E-4B47-913A-B7C631C675E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677534" y="30704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1</a:t>
            </a:r>
          </a:p>
        </p:txBody>
      </p:sp>
      <p:sp>
        <p:nvSpPr>
          <p:cNvPr id="76" name="OTLSHAPE_M_15462190989a4e5087e6d7cc02e1ed2d_Shape">
            <a:extLst>
              <a:ext uri="{FF2B5EF4-FFF2-40B4-BE49-F238E27FC236}">
                <a16:creationId xmlns:a16="http://schemas.microsoft.com/office/drawing/2014/main" id="{E92C21FE-E777-0141-B62B-6FC945B1051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2480684" y="3098573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M_1d6d4045bda3413182ef879ca83ea720_Title">
            <a:extLst>
              <a:ext uri="{FF2B5EF4-FFF2-40B4-BE49-F238E27FC236}">
                <a16:creationId xmlns:a16="http://schemas.microsoft.com/office/drawing/2014/main" id="{55B76031-5C77-4C4C-8408-6F57AA7D6FD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274931" y="33552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78" name="OTLSHAPE_M_1d6d4045bda3413182ef879ca83ea720_Shape">
            <a:extLst>
              <a:ext uri="{FF2B5EF4-FFF2-40B4-BE49-F238E27FC236}">
                <a16:creationId xmlns:a16="http://schemas.microsoft.com/office/drawing/2014/main" id="{EA885037-AB65-4C43-B5A3-77C66491D3F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3078081" y="338339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M_ad26212a624042f8946c3ee929d0bce4_Title">
            <a:extLst>
              <a:ext uri="{FF2B5EF4-FFF2-40B4-BE49-F238E27FC236}">
                <a16:creationId xmlns:a16="http://schemas.microsoft.com/office/drawing/2014/main" id="{A3F2D6A4-6A20-054E-A08F-63FB7610E6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974738" y="261512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Beam on Dump (BOD)</a:t>
            </a:r>
          </a:p>
        </p:txBody>
      </p:sp>
      <p:sp>
        <p:nvSpPr>
          <p:cNvPr id="80" name="OTLSHAPE_M_ad26212a624042f8946c3ee929d0bce4_Shape">
            <a:extLst>
              <a:ext uri="{FF2B5EF4-FFF2-40B4-BE49-F238E27FC236}">
                <a16:creationId xmlns:a16="http://schemas.microsoft.com/office/drawing/2014/main" id="{75E9D036-499A-264F-BC3F-170EFE1ED22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3777888" y="2643236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M_42fdb2d4d8a3473fbbe4f286c2bc756f_Title">
            <a:extLst>
              <a:ext uri="{FF2B5EF4-FFF2-40B4-BE49-F238E27FC236}">
                <a16:creationId xmlns:a16="http://schemas.microsoft.com/office/drawing/2014/main" id="{6B7A2852-5247-7B4B-8EEE-8B377F2D009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230765" y="2899945"/>
            <a:ext cx="222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Accelerator Ready for Beam on Target (RBOT)</a:t>
            </a:r>
          </a:p>
        </p:txBody>
      </p:sp>
      <p:sp>
        <p:nvSpPr>
          <p:cNvPr id="82" name="OTLSHAPE_M_42fdb2d4d8a3473fbbe4f286c2bc756f_Shape">
            <a:extLst>
              <a:ext uri="{FF2B5EF4-FFF2-40B4-BE49-F238E27FC236}">
                <a16:creationId xmlns:a16="http://schemas.microsoft.com/office/drawing/2014/main" id="{A8407B3D-F7C2-8643-8497-82FD3DD617E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4033915" y="3013314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M_8d7a221684f14af6be101e2d47a3db1e_Title">
            <a:extLst>
              <a:ext uri="{FF2B5EF4-FFF2-40B4-BE49-F238E27FC236}">
                <a16:creationId xmlns:a16="http://schemas.microsoft.com/office/drawing/2014/main" id="{F6F7EB6F-BA37-8243-84CC-65D02CD294C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025669" y="335528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Beam on Target (BOT)</a:t>
            </a:r>
          </a:p>
        </p:txBody>
      </p:sp>
      <p:sp>
        <p:nvSpPr>
          <p:cNvPr id="84" name="OTLSHAPE_M_8d7a221684f14af6be101e2d47a3db1e_Shape">
            <a:extLst>
              <a:ext uri="{FF2B5EF4-FFF2-40B4-BE49-F238E27FC236}">
                <a16:creationId xmlns:a16="http://schemas.microsoft.com/office/drawing/2014/main" id="{FF782772-309C-7848-B24D-A6559EC442C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4828819" y="338339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M_42029ffc31ed43b6a7c8bfb3ae80e6db_Title">
            <a:extLst>
              <a:ext uri="{FF2B5EF4-FFF2-40B4-BE49-F238E27FC236}">
                <a16:creationId xmlns:a16="http://schemas.microsoft.com/office/drawing/2014/main" id="{8FBC1EFC-2920-224A-BC7E-2455403EAD8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071172" y="3184764"/>
            <a:ext cx="749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End of Construction</a:t>
            </a:r>
          </a:p>
        </p:txBody>
      </p:sp>
      <p:sp>
        <p:nvSpPr>
          <p:cNvPr id="86" name="OTLSHAPE_M_42029ffc31ed43b6a7c8bfb3ae80e6db_Shape">
            <a:extLst>
              <a:ext uri="{FF2B5EF4-FFF2-40B4-BE49-F238E27FC236}">
                <a16:creationId xmlns:a16="http://schemas.microsoft.com/office/drawing/2014/main" id="{4476C608-07D9-7846-8BFD-A709F1767E2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7874322" y="329813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7" name="OTLSHAPE_M_c84a122c0d264aa182ec835483cc070e_Title">
            <a:extLst>
              <a:ext uri="{FF2B5EF4-FFF2-40B4-BE49-F238E27FC236}">
                <a16:creationId xmlns:a16="http://schemas.microsoft.com/office/drawing/2014/main" id="{E4A394E2-E5FC-3C41-961F-F8EDC3EA6A8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296051" y="4338601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Start Of User Program (SOUP) </a:t>
            </a:r>
          </a:p>
        </p:txBody>
      </p:sp>
      <p:sp>
        <p:nvSpPr>
          <p:cNvPr id="88" name="OTLSHAPE_M_c84a122c0d264aa182ec835483cc070e_Shape">
            <a:extLst>
              <a:ext uri="{FF2B5EF4-FFF2-40B4-BE49-F238E27FC236}">
                <a16:creationId xmlns:a16="http://schemas.microsoft.com/office/drawing/2014/main" id="{1A076894-7C77-644D-99FE-F4020EE938E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6099201" y="4315911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780776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AF0650-8A48-7F4C-AB8E-59F191AAEC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ey Assumption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70C43236-0219-9545-9AD6-F0D3E0AFBEDB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457200" y="1725786"/>
          <a:ext cx="8229600" cy="48715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9793CF-1848-024A-86F1-94FE6410AD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770310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2018 New Baseli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4</a:t>
            </a:fld>
            <a:endParaRPr lang="en-GB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3E9BD69E-1F00-AA40-B533-929AA9056BCA}"/>
              </a:ext>
            </a:extLst>
          </p:cNvPr>
          <p:cNvGrpSpPr/>
          <p:nvPr/>
        </p:nvGrpSpPr>
        <p:grpSpPr>
          <a:xfrm>
            <a:off x="899592" y="2780928"/>
            <a:ext cx="7467600" cy="1413087"/>
            <a:chOff x="844465" y="2391021"/>
            <a:chExt cx="7467600" cy="1413087"/>
          </a:xfrm>
        </p:grpSpPr>
        <p:cxnSp>
          <p:nvCxnSpPr>
            <p:cNvPr id="6" name="OTLSHAPE_M_ad26212a624042f8946c3ee929d0bce4_Connector1">
              <a:extLst>
                <a:ext uri="{FF2B5EF4-FFF2-40B4-BE49-F238E27FC236}">
                  <a16:creationId xmlns:a16="http://schemas.microsoft.com/office/drawing/2014/main" id="{1D81E9EC-3560-8A4B-B434-5CB86CEE10FE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544625" y="2767365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8" name="OTLSHAPE_TB_00000000000000000000000000000000_ScaleContainer">
              <a:extLst>
                <a:ext uri="{FF2B5EF4-FFF2-40B4-BE49-F238E27FC236}">
                  <a16:creationId xmlns:a16="http://schemas.microsoft.com/office/drawing/2014/main" id="{BAF7C6E1-4BF5-CD4E-B6CD-5E80CB5FDBC4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423108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OTLSHAPE_TB_00000000000000000000000000000000_ElapsedTime">
              <a:extLst>
                <a:ext uri="{FF2B5EF4-FFF2-40B4-BE49-F238E27FC236}">
                  <a16:creationId xmlns:a16="http://schemas.microsoft.com/office/drawing/2014/main" id="{BA1EC0D1-EFE5-4648-8BD8-0E31C2A29EF9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423108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OTLSHAPE_TB_00000000000000000000000000000000_TimescaleInterval1">
              <a:extLst>
                <a:ext uri="{FF2B5EF4-FFF2-40B4-BE49-F238E27FC236}">
                  <a16:creationId xmlns:a16="http://schemas.microsoft.com/office/drawing/2014/main" id="{E4E97AF1-FFC3-5E4D-8BFE-D0C25201AF4E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11" name="OTLSHAPE_TB_00000000000000000000000000000000_Separator1">
              <a:extLst>
                <a:ext uri="{FF2B5EF4-FFF2-40B4-BE49-F238E27FC236}">
                  <a16:creationId xmlns:a16="http://schemas.microsoft.com/office/drawing/2014/main" id="{38BD8E9E-883D-B34E-897B-5768E148A31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2" name="OTLSHAPE_TB_00000000000000000000000000000000_TimescaleInterval2">
              <a:extLst>
                <a:ext uri="{FF2B5EF4-FFF2-40B4-BE49-F238E27FC236}">
                  <a16:creationId xmlns:a16="http://schemas.microsoft.com/office/drawing/2014/main" id="{C499E761-71BB-2847-BDB3-9622E64A116D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13" name="OTLSHAPE_TB_00000000000000000000000000000000_Separator2">
              <a:extLst>
                <a:ext uri="{FF2B5EF4-FFF2-40B4-BE49-F238E27FC236}">
                  <a16:creationId xmlns:a16="http://schemas.microsoft.com/office/drawing/2014/main" id="{C2BA4C44-F74C-5C4C-87C8-1E865A4AECDC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" name="OTLSHAPE_TB_00000000000000000000000000000000_TimescaleInterval3">
              <a:extLst>
                <a:ext uri="{FF2B5EF4-FFF2-40B4-BE49-F238E27FC236}">
                  <a16:creationId xmlns:a16="http://schemas.microsoft.com/office/drawing/2014/main" id="{DD991A14-D1F0-D242-8B85-2C7DE48AA9D1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15" name="OTLSHAPE_TB_00000000000000000000000000000000_Separator3">
              <a:extLst>
                <a:ext uri="{FF2B5EF4-FFF2-40B4-BE49-F238E27FC236}">
                  <a16:creationId xmlns:a16="http://schemas.microsoft.com/office/drawing/2014/main" id="{C057B944-F4DA-2E49-AA54-A45FEBE5CBFA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6" name="OTLSHAPE_TB_00000000000000000000000000000000_TimescaleInterval4">
              <a:extLst>
                <a:ext uri="{FF2B5EF4-FFF2-40B4-BE49-F238E27FC236}">
                  <a16:creationId xmlns:a16="http://schemas.microsoft.com/office/drawing/2014/main" id="{BEDC6395-EC51-714F-9754-C9FF4BC763A8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17" name="OTLSHAPE_M_2d0797157b8f4b8eac03a9e74cdce7ed_Title">
              <a:extLst>
                <a:ext uri="{FF2B5EF4-FFF2-40B4-BE49-F238E27FC236}">
                  <a16:creationId xmlns:a16="http://schemas.microsoft.com/office/drawing/2014/main" id="{9D5D3F8E-774A-8B49-84D9-58AA8753D735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874157" y="2856265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18" name="OTLSHAPE_M_2d0797157b8f4b8eac03a9e74cdce7ed_Date">
              <a:extLst>
                <a:ext uri="{FF2B5EF4-FFF2-40B4-BE49-F238E27FC236}">
                  <a16:creationId xmlns:a16="http://schemas.microsoft.com/office/drawing/2014/main" id="{7519047A-8219-664C-A6F6-6EB1E99A71E8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980899" y="3052751"/>
              <a:ext cx="59175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000" kern="0" spc="-8" dirty="0">
                  <a:solidFill>
                    <a:srgbClr val="1F497E"/>
                  </a:solidFill>
                </a:rPr>
                <a:t>03</a:t>
              </a:r>
              <a:r>
                <a:rPr kumimoji="0" lang="en-GB" sz="1000" b="0" i="0" u="none" strike="noStrike" kern="0" cap="none" spc="-8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/9/2018</a:t>
              </a:r>
            </a:p>
          </p:txBody>
        </p:sp>
        <p:sp>
          <p:nvSpPr>
            <p:cNvPr id="19" name="OTLSHAPE_M_2d0797157b8f4b8eac03a9e74cdce7ed_Shape">
              <a:extLst>
                <a:ext uri="{FF2B5EF4-FFF2-40B4-BE49-F238E27FC236}">
                  <a16:creationId xmlns:a16="http://schemas.microsoft.com/office/drawing/2014/main" id="{830581E1-7048-B64E-B6B7-E25DBF0C6F64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2115182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OTLSHAPE_M_15462190989a4e5087e6d7cc02e1ed2d_Title">
              <a:extLst>
                <a:ext uri="{FF2B5EF4-FFF2-40B4-BE49-F238E27FC236}">
                  <a16:creationId xmlns:a16="http://schemas.microsoft.com/office/drawing/2014/main" id="{0FD02AEE-4B83-5A47-9289-AEDC08BBE28E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45299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21" name="OTLSHAPE_M_15462190989a4e5087e6d7cc02e1ed2d_Date">
              <a:extLst>
                <a:ext uri="{FF2B5EF4-FFF2-40B4-BE49-F238E27FC236}">
                  <a16:creationId xmlns:a16="http://schemas.microsoft.com/office/drawing/2014/main" id="{50F6A0EF-EE0F-7F41-A956-C86DEE74AFEB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0810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1/2019</a:t>
              </a:r>
            </a:p>
          </p:txBody>
        </p:sp>
        <p:sp>
          <p:nvSpPr>
            <p:cNvPr id="22" name="OTLSHAPE_M_15462190989a4e5087e6d7cc02e1ed2d_Shape">
              <a:extLst>
                <a:ext uri="{FF2B5EF4-FFF2-40B4-BE49-F238E27FC236}">
                  <a16:creationId xmlns:a16="http://schemas.microsoft.com/office/drawing/2014/main" id="{94D4DC5F-4396-6C49-AA14-C960DB4D6BEA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177286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OTLSHAPE_M_1d6d4045bda3413182ef879ca83ea720_Title">
              <a:extLst>
                <a:ext uri="{FF2B5EF4-FFF2-40B4-BE49-F238E27FC236}">
                  <a16:creationId xmlns:a16="http://schemas.microsoft.com/office/drawing/2014/main" id="{ED7A4070-6192-8641-9D2F-E7106ABE3038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798723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24" name="OTLSHAPE_M_1d6d4045bda3413182ef879ca83ea720_Date">
              <a:extLst>
                <a:ext uri="{FF2B5EF4-FFF2-40B4-BE49-F238E27FC236}">
                  <a16:creationId xmlns:a16="http://schemas.microsoft.com/office/drawing/2014/main" id="{341A4F22-25DB-2A4E-B213-11A4A642FD2F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864234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4/2020</a:t>
              </a:r>
            </a:p>
          </p:txBody>
        </p:sp>
        <p:sp>
          <p:nvSpPr>
            <p:cNvPr id="25" name="OTLSHAPE_M_1d6d4045bda3413182ef879ca83ea720_Shape">
              <a:extLst>
                <a:ext uri="{FF2B5EF4-FFF2-40B4-BE49-F238E27FC236}">
                  <a16:creationId xmlns:a16="http://schemas.microsoft.com/office/drawing/2014/main" id="{457E5875-2C91-544E-938C-851EDD6CE0F7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030710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OTLSHAPE_M_ad26212a624042f8946c3ee929d0bce4_Title">
              <a:extLst>
                <a:ext uri="{FF2B5EF4-FFF2-40B4-BE49-F238E27FC236}">
                  <a16:creationId xmlns:a16="http://schemas.microsoft.com/office/drawing/2014/main" id="{BF0C4B89-4970-184F-8A84-7520E5A9E105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793949" y="2391021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27" name="OTLSHAPE_M_ad26212a624042f8946c3ee929d0bce4_Date">
              <a:extLst>
                <a:ext uri="{FF2B5EF4-FFF2-40B4-BE49-F238E27FC236}">
                  <a16:creationId xmlns:a16="http://schemas.microsoft.com/office/drawing/2014/main" id="{75F9DF17-B066-764D-9B33-CE9578AEDEAD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296044" y="258694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/2/2021</a:t>
              </a:r>
            </a:p>
          </p:txBody>
        </p:sp>
        <p:sp>
          <p:nvSpPr>
            <p:cNvPr id="28" name="OTLSHAPE_M_ad26212a624042f8946c3ee929d0bce4_Shape">
              <a:extLst>
                <a:ext uri="{FF2B5EF4-FFF2-40B4-BE49-F238E27FC236}">
                  <a16:creationId xmlns:a16="http://schemas.microsoft.com/office/drawing/2014/main" id="{5DB142FB-A460-3844-8668-5B3A3AB6B921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430325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" name="OTLSHAPE_M_42fdb2d4d8a3473fbbe4f286c2bc756f_Title">
              <a:extLst>
                <a:ext uri="{FF2B5EF4-FFF2-40B4-BE49-F238E27FC236}">
                  <a16:creationId xmlns:a16="http://schemas.microsoft.com/office/drawing/2014/main" id="{B9122D90-78F7-AF40-9144-BDF4B8BBEAE9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6891558" y="2856265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30" name="OTLSHAPE_M_42fdb2d4d8a3473fbbe4f286c2bc756f_Date">
              <a:extLst>
                <a:ext uri="{FF2B5EF4-FFF2-40B4-BE49-F238E27FC236}">
                  <a16:creationId xmlns:a16="http://schemas.microsoft.com/office/drawing/2014/main" id="{D157823C-E7E9-C345-A791-7D5FED65FDC2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775903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/5/2021</a:t>
              </a:r>
            </a:p>
          </p:txBody>
        </p:sp>
        <p:sp>
          <p:nvSpPr>
            <p:cNvPr id="31" name="OTLSHAPE_M_42fdb2d4d8a3473fbbe4f286c2bc756f_Shape">
              <a:extLst>
                <a:ext uri="{FF2B5EF4-FFF2-40B4-BE49-F238E27FC236}">
                  <a16:creationId xmlns:a16="http://schemas.microsoft.com/office/drawing/2014/main" id="{5FBC00F1-CC0D-5341-805F-657AE4BA5BF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6942379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890285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DA2256-77C6-4843-89DD-4B5CAC1430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on Source and LEB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38FABC-F5A7-0243-AD1C-D8BEDCD39F7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25144"/>
          </a:xfrm>
        </p:spPr>
        <p:txBody>
          <a:bodyPr>
            <a:normAutofit/>
          </a:bodyPr>
          <a:lstStyle/>
          <a:p>
            <a:pPr marL="0" indent="0" algn="ctr">
              <a:buNone/>
            </a:pPr>
            <a:endParaRPr lang="en-GB" sz="4800" dirty="0"/>
          </a:p>
          <a:p>
            <a:pPr marL="0" indent="0" algn="ctr">
              <a:buNone/>
            </a:pPr>
            <a:endParaRPr lang="en-GB" sz="4800" dirty="0"/>
          </a:p>
          <a:p>
            <a:pPr marL="0" indent="0" algn="ctr">
              <a:buNone/>
            </a:pPr>
            <a:r>
              <a:rPr lang="en-GB" sz="5600" dirty="0"/>
              <a:t>Beam!*</a:t>
            </a:r>
          </a:p>
          <a:p>
            <a:pPr marL="0" indent="0" algn="ctr">
              <a:buNone/>
            </a:pPr>
            <a:endParaRPr lang="en-GB" sz="48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60871B-C97D-1643-954E-7A488F1FA1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726862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1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AFB368-CD31-684F-B2D8-E1387D2FA5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AFB2073-31FA-1F4F-ABF0-04377D0282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25144"/>
          </a:xfrm>
        </p:spPr>
        <p:txBody>
          <a:bodyPr>
            <a:normAutofit fontScale="92500"/>
          </a:bodyPr>
          <a:lstStyle/>
          <a:p>
            <a:r>
              <a:rPr lang="en-GB" dirty="0"/>
              <a:t>RFQ</a:t>
            </a:r>
          </a:p>
          <a:p>
            <a:pPr lvl="1"/>
            <a:r>
              <a:rPr lang="en-GB" dirty="0"/>
              <a:t>Some manufacturing difficulties and setbacks.</a:t>
            </a:r>
          </a:p>
          <a:p>
            <a:pPr lvl="1"/>
            <a:r>
              <a:rPr lang="en-GB" dirty="0"/>
              <a:t>RFI Date has shifted to March 2019. </a:t>
            </a:r>
          </a:p>
          <a:p>
            <a:r>
              <a:rPr lang="en-GB" dirty="0"/>
              <a:t>MEBT</a:t>
            </a:r>
          </a:p>
          <a:p>
            <a:pPr lvl="1"/>
            <a:r>
              <a:rPr lang="en-GB" dirty="0"/>
              <a:t>No major schedule changes announced, progress on many fronts.</a:t>
            </a:r>
          </a:p>
          <a:p>
            <a:pPr lvl="1"/>
            <a:r>
              <a:rPr lang="en-GB" dirty="0"/>
              <a:t>Current RFI, March 2019, but can only be installed after RFQ</a:t>
            </a:r>
          </a:p>
          <a:p>
            <a:r>
              <a:rPr lang="en-GB" dirty="0"/>
              <a:t>Infrastructure</a:t>
            </a:r>
          </a:p>
          <a:p>
            <a:pPr lvl="1"/>
            <a:r>
              <a:rPr lang="en-GB" dirty="0"/>
              <a:t>New organisation structure</a:t>
            </a:r>
          </a:p>
          <a:p>
            <a:pPr lvl="1"/>
            <a:r>
              <a:rPr lang="en-GB" dirty="0"/>
              <a:t>Work re-planning ongoing, follows the accelerator schedule.</a:t>
            </a:r>
          </a:p>
          <a:p>
            <a:pPr lvl="1"/>
            <a:r>
              <a:rPr lang="en-GB" dirty="0"/>
              <a:t>Near critical path, but expected to ”catch-up”</a:t>
            </a: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05E3E2-2D0E-0440-B7AB-7FEF94DE69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3104001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CCF150-F405-004D-8C9D-A24FE3C481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CD965E5-106A-7F40-B266-EF87F7B97B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61048"/>
          </a:xfrm>
        </p:spPr>
        <p:txBody>
          <a:bodyPr>
            <a:normAutofit/>
          </a:bodyPr>
          <a:lstStyle/>
          <a:p>
            <a:r>
              <a:rPr lang="en-GB" dirty="0"/>
              <a:t>NC RF System:</a:t>
            </a:r>
          </a:p>
          <a:p>
            <a:pPr lvl="1"/>
            <a:r>
              <a:rPr lang="en-GB" dirty="0"/>
              <a:t>Two major milestones:</a:t>
            </a:r>
          </a:p>
          <a:p>
            <a:pPr lvl="2"/>
            <a:r>
              <a:rPr lang="en-GB" dirty="0"/>
              <a:t>RF System Ready for RFQ/DTL1</a:t>
            </a:r>
          </a:p>
          <a:p>
            <a:pPr lvl="2"/>
            <a:r>
              <a:rPr lang="en-GB" dirty="0"/>
              <a:t>RF System ready for the full NC Linac</a:t>
            </a:r>
          </a:p>
          <a:p>
            <a:pPr lvl="1"/>
            <a:r>
              <a:rPr lang="en-GB" dirty="0"/>
              <a:t>Ongoing discussions on scope adjustment to reduce risk.</a:t>
            </a:r>
          </a:p>
          <a:p>
            <a:pPr lvl="2"/>
            <a:r>
              <a:rPr lang="en-GB" dirty="0"/>
              <a:t>RFDS Support frame now to be built by ESS to allow infrastructure work to advance.</a:t>
            </a:r>
          </a:p>
          <a:p>
            <a:pPr lvl="1"/>
            <a:r>
              <a:rPr lang="en-GB" dirty="0"/>
              <a:t>Some unresolved issues remain.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B77312-7243-2746-83DA-F7ABB9681A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B5523F43-8D8D-6141-9BD9-B3C5CDC732A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47677986"/>
              </p:ext>
            </p:extLst>
          </p:nvPr>
        </p:nvGraphicFramePr>
        <p:xfrm>
          <a:off x="1403648" y="5229200"/>
          <a:ext cx="6408712" cy="1112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36497">
                  <a:extLst>
                    <a:ext uri="{9D8B030D-6E8A-4147-A177-3AD203B41FA5}">
                      <a16:colId xmlns:a16="http://schemas.microsoft.com/office/drawing/2014/main" val="3299557310"/>
                    </a:ext>
                  </a:extLst>
                </a:gridCol>
                <a:gridCol w="2472215">
                  <a:extLst>
                    <a:ext uri="{9D8B030D-6E8A-4147-A177-3AD203B41FA5}">
                      <a16:colId xmlns:a16="http://schemas.microsoft.com/office/drawing/2014/main" val="265667934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RF Sys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9636146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b="1" dirty="0"/>
                        <a:t>RFQ and DTL1 RF System Operation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Q3 20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045251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b="1" dirty="0"/>
                        <a:t>Full NC RF System Operation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Q1 202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7251548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7580383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015D37-189B-0242-965C-A912BCDF4C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 Front End: DT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15CF2C-D2C3-BD44-9A85-7B843358A9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8</a:t>
            </a:fld>
            <a:endParaRPr lang="en-GB" noProof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DEA3E05B-137D-BC4D-969F-C96D86860CF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51709668"/>
              </p:ext>
            </p:extLst>
          </p:nvPr>
        </p:nvGraphicFramePr>
        <p:xfrm>
          <a:off x="539552" y="2132856"/>
          <a:ext cx="8075241" cy="2194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91747">
                  <a:extLst>
                    <a:ext uri="{9D8B030D-6E8A-4147-A177-3AD203B41FA5}">
                      <a16:colId xmlns:a16="http://schemas.microsoft.com/office/drawing/2014/main" val="1665064362"/>
                    </a:ext>
                  </a:extLst>
                </a:gridCol>
                <a:gridCol w="2691747">
                  <a:extLst>
                    <a:ext uri="{9D8B030D-6E8A-4147-A177-3AD203B41FA5}">
                      <a16:colId xmlns:a16="http://schemas.microsoft.com/office/drawing/2014/main" val="2240977213"/>
                    </a:ext>
                  </a:extLst>
                </a:gridCol>
                <a:gridCol w="2691747">
                  <a:extLst>
                    <a:ext uri="{9D8B030D-6E8A-4147-A177-3AD203B41FA5}">
                      <a16:colId xmlns:a16="http://schemas.microsoft.com/office/drawing/2014/main" val="2167527393"/>
                    </a:ext>
                  </a:extLst>
                </a:gridCol>
              </a:tblGrid>
              <a:tr h="280797">
                <a:tc>
                  <a:txBody>
                    <a:bodyPr/>
                    <a:lstStyle/>
                    <a:p>
                      <a:r>
                        <a:rPr lang="en-GB" dirty="0"/>
                        <a:t>RF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018 Baseline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Latest Update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41959892"/>
                  </a:ext>
                </a:extLst>
              </a:tr>
              <a:tr h="280797">
                <a:tc>
                  <a:txBody>
                    <a:bodyPr/>
                    <a:lstStyle/>
                    <a:p>
                      <a:r>
                        <a:rPr lang="en-GB" b="1" dirty="0"/>
                        <a:t>DTL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1-Jan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20-Mar-20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8789218"/>
                  </a:ext>
                </a:extLst>
              </a:tr>
              <a:tr h="280797">
                <a:tc>
                  <a:txBody>
                    <a:bodyPr/>
                    <a:lstStyle/>
                    <a:p>
                      <a:r>
                        <a:rPr lang="en-GB" b="1" dirty="0"/>
                        <a:t>DTL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0-Feb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5-Jun-20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2703848"/>
                  </a:ext>
                </a:extLst>
              </a:tr>
              <a:tr h="280797">
                <a:tc>
                  <a:txBody>
                    <a:bodyPr/>
                    <a:lstStyle/>
                    <a:p>
                      <a:r>
                        <a:rPr lang="en-GB" b="1" dirty="0"/>
                        <a:t>DTL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5-Mar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3-Oct-2019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81778228"/>
                  </a:ext>
                </a:extLst>
              </a:tr>
              <a:tr h="280797">
                <a:tc>
                  <a:txBody>
                    <a:bodyPr/>
                    <a:lstStyle/>
                    <a:p>
                      <a:r>
                        <a:rPr lang="en-GB" b="1" dirty="0"/>
                        <a:t>DTL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05-Jun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3-Jan-202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846061"/>
                  </a:ext>
                </a:extLst>
              </a:tr>
              <a:tr h="280797">
                <a:tc>
                  <a:txBody>
                    <a:bodyPr/>
                    <a:lstStyle/>
                    <a:p>
                      <a:r>
                        <a:rPr lang="en-GB" b="1" dirty="0"/>
                        <a:t>DTL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30-Sep-2019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19-Mar-202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8470303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4094528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6832F1-D33C-1045-910B-90676AD554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Visual Pla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2BFC78-9EB5-A141-99D5-022D890121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9</a:t>
            </a:fld>
            <a:endParaRPr lang="en-GB" noProof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FBAAA42-6570-7F4F-8D05-1EABB43FD26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1520866"/>
            <a:ext cx="2304256" cy="533617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782E02E-5F9E-AE40-97CF-DB89606B90F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0032" y="1535111"/>
            <a:ext cx="2304256" cy="530922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A2A580F-E55E-254F-BBA6-54CFECA2A475}"/>
              </a:ext>
            </a:extLst>
          </p:cNvPr>
          <p:cNvSpPr txBox="1"/>
          <p:nvPr/>
        </p:nvSpPr>
        <p:spPr>
          <a:xfrm>
            <a:off x="2287532" y="1107043"/>
            <a:ext cx="98616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Baselin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88C384E-E82D-6341-B7F5-B2392EA411F5}"/>
              </a:ext>
            </a:extLst>
          </p:cNvPr>
          <p:cNvSpPr txBox="1"/>
          <p:nvPr/>
        </p:nvSpPr>
        <p:spPr>
          <a:xfrm>
            <a:off x="4932040" y="1099920"/>
            <a:ext cx="21117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With the New Dates</a:t>
            </a:r>
          </a:p>
        </p:txBody>
      </p:sp>
      <p:sp>
        <p:nvSpPr>
          <p:cNvPr id="11" name="Up-Down Arrow 10">
            <a:extLst>
              <a:ext uri="{FF2B5EF4-FFF2-40B4-BE49-F238E27FC236}">
                <a16:creationId xmlns:a16="http://schemas.microsoft.com/office/drawing/2014/main" id="{AEA16884-64AC-F14C-8B11-70313E156862}"/>
              </a:ext>
            </a:extLst>
          </p:cNvPr>
          <p:cNvSpPr/>
          <p:nvPr/>
        </p:nvSpPr>
        <p:spPr>
          <a:xfrm>
            <a:off x="4026768" y="2132856"/>
            <a:ext cx="329208" cy="1525590"/>
          </a:xfrm>
          <a:prstGeom prst="up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1100" b="1" dirty="0"/>
              <a:t>Installation Window</a:t>
            </a:r>
          </a:p>
        </p:txBody>
      </p:sp>
      <p:sp>
        <p:nvSpPr>
          <p:cNvPr id="12" name="Up-Down Arrow 11">
            <a:extLst>
              <a:ext uri="{FF2B5EF4-FFF2-40B4-BE49-F238E27FC236}">
                <a16:creationId xmlns:a16="http://schemas.microsoft.com/office/drawing/2014/main" id="{CA052DA5-7D10-174B-9EA4-C3B7C178BACA}"/>
              </a:ext>
            </a:extLst>
          </p:cNvPr>
          <p:cNvSpPr/>
          <p:nvPr/>
        </p:nvSpPr>
        <p:spPr>
          <a:xfrm>
            <a:off x="4026768" y="3671868"/>
            <a:ext cx="329208" cy="2853476"/>
          </a:xfrm>
          <a:prstGeom prst="up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1050" b="1" dirty="0"/>
              <a:t>Cond/Commissioning Window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AB6FD6CD-7B7D-3249-BC45-66B7C10D4949}"/>
              </a:ext>
            </a:extLst>
          </p:cNvPr>
          <p:cNvSpPr/>
          <p:nvPr/>
        </p:nvSpPr>
        <p:spPr>
          <a:xfrm>
            <a:off x="3491880" y="1988840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7105D3E9-3CBF-1641-9458-8FF3689B0BA8}"/>
              </a:ext>
            </a:extLst>
          </p:cNvPr>
          <p:cNvSpPr/>
          <p:nvPr/>
        </p:nvSpPr>
        <p:spPr>
          <a:xfrm>
            <a:off x="2979513" y="2490446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A0B15EC5-3AD0-2844-A480-DFFE5ACDB718}"/>
              </a:ext>
            </a:extLst>
          </p:cNvPr>
          <p:cNvSpPr/>
          <p:nvPr/>
        </p:nvSpPr>
        <p:spPr>
          <a:xfrm>
            <a:off x="3342692" y="2675347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299524F3-57FC-1C4D-AE45-14ED0BD19928}"/>
              </a:ext>
            </a:extLst>
          </p:cNvPr>
          <p:cNvSpPr/>
          <p:nvPr/>
        </p:nvSpPr>
        <p:spPr>
          <a:xfrm>
            <a:off x="3173470" y="3154390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50C4E476-05E6-6040-A83A-364D8FC9BDC5}"/>
              </a:ext>
            </a:extLst>
          </p:cNvPr>
          <p:cNvSpPr/>
          <p:nvPr/>
        </p:nvSpPr>
        <p:spPr>
          <a:xfrm>
            <a:off x="6722204" y="2564904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FA67B774-65EA-B74A-BA98-51EC0815DB4A}"/>
              </a:ext>
            </a:extLst>
          </p:cNvPr>
          <p:cNvSpPr/>
          <p:nvPr/>
        </p:nvSpPr>
        <p:spPr>
          <a:xfrm>
            <a:off x="6228184" y="3140968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C4C2C05A-E8DC-F047-A4CB-8AAFE5D0EF3D}"/>
              </a:ext>
            </a:extLst>
          </p:cNvPr>
          <p:cNvSpPr/>
          <p:nvPr/>
        </p:nvSpPr>
        <p:spPr>
          <a:xfrm>
            <a:off x="6506180" y="5085184"/>
            <a:ext cx="432048" cy="504056"/>
          </a:xfrm>
          <a:prstGeom prst="ellipse">
            <a:avLst/>
          </a:prstGeom>
          <a:solidFill>
            <a:schemeClr val="accent1">
              <a:alpha val="2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5DD50769-3A13-FA40-8B10-4B56D62B1872}"/>
              </a:ext>
            </a:extLst>
          </p:cNvPr>
          <p:cNvCxnSpPr>
            <a:stCxn id="14" idx="6"/>
            <a:endCxn id="18" idx="2"/>
          </p:cNvCxnSpPr>
          <p:nvPr/>
        </p:nvCxnSpPr>
        <p:spPr>
          <a:xfrm>
            <a:off x="3923928" y="2240868"/>
            <a:ext cx="2798276" cy="576064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02455E44-3E6A-6C4F-AFDA-B18EDB493CE9}"/>
              </a:ext>
            </a:extLst>
          </p:cNvPr>
          <p:cNvCxnSpPr>
            <a:cxnSpLocks/>
            <a:stCxn id="15" idx="6"/>
            <a:endCxn id="19" idx="2"/>
          </p:cNvCxnSpPr>
          <p:nvPr/>
        </p:nvCxnSpPr>
        <p:spPr>
          <a:xfrm>
            <a:off x="3411561" y="2742474"/>
            <a:ext cx="2816623" cy="650522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55D42055-73BD-314D-8F97-1D1189374A41}"/>
              </a:ext>
            </a:extLst>
          </p:cNvPr>
          <p:cNvCxnSpPr>
            <a:cxnSpLocks/>
            <a:stCxn id="16" idx="6"/>
            <a:endCxn id="20" idx="2"/>
          </p:cNvCxnSpPr>
          <p:nvPr/>
        </p:nvCxnSpPr>
        <p:spPr>
          <a:xfrm>
            <a:off x="3774740" y="2927375"/>
            <a:ext cx="2731440" cy="2409837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6D14050F-BAD4-8346-AEFE-57DDFE347E92}"/>
              </a:ext>
            </a:extLst>
          </p:cNvPr>
          <p:cNvCxnSpPr>
            <a:cxnSpLocks/>
            <a:stCxn id="17" idx="6"/>
            <a:endCxn id="20" idx="2"/>
          </p:cNvCxnSpPr>
          <p:nvPr/>
        </p:nvCxnSpPr>
        <p:spPr>
          <a:xfrm>
            <a:off x="3605518" y="3406418"/>
            <a:ext cx="2900662" cy="1930794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1788F8CB-D401-8044-8324-7BD881A6D79D}"/>
              </a:ext>
            </a:extLst>
          </p:cNvPr>
          <p:cNvSpPr txBox="1"/>
          <p:nvPr/>
        </p:nvSpPr>
        <p:spPr>
          <a:xfrm rot="801396">
            <a:off x="4526157" y="2115635"/>
            <a:ext cx="6558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DTL4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951F3196-0E28-A04E-82A8-F8C6EE9CB920}"/>
              </a:ext>
            </a:extLst>
          </p:cNvPr>
          <p:cNvSpPr txBox="1"/>
          <p:nvPr/>
        </p:nvSpPr>
        <p:spPr>
          <a:xfrm rot="801396">
            <a:off x="4315959" y="2687974"/>
            <a:ext cx="6558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DTL1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E01D7E74-8010-9E46-B6DD-87D75BECA569}"/>
              </a:ext>
            </a:extLst>
          </p:cNvPr>
          <p:cNvSpPr txBox="1"/>
          <p:nvPr/>
        </p:nvSpPr>
        <p:spPr>
          <a:xfrm rot="2456529">
            <a:off x="4395698" y="3349129"/>
            <a:ext cx="6558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DTL3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7D447D30-AB46-AE44-9ADC-A22C5E457024}"/>
              </a:ext>
            </a:extLst>
          </p:cNvPr>
          <p:cNvSpPr txBox="1"/>
          <p:nvPr/>
        </p:nvSpPr>
        <p:spPr>
          <a:xfrm rot="2341101">
            <a:off x="4342289" y="4179537"/>
            <a:ext cx="6558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DTL2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2234EE08-E674-6C4E-88FF-4134F4A8ED7C}"/>
              </a:ext>
            </a:extLst>
          </p:cNvPr>
          <p:cNvSpPr txBox="1"/>
          <p:nvPr/>
        </p:nvSpPr>
        <p:spPr>
          <a:xfrm>
            <a:off x="7352206" y="4077072"/>
            <a:ext cx="10053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RFI DTL3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D6EAD621-DE9E-2B40-B5A0-8758AAF9259C}"/>
              </a:ext>
            </a:extLst>
          </p:cNvPr>
          <p:cNvSpPr txBox="1"/>
          <p:nvPr/>
        </p:nvSpPr>
        <p:spPr>
          <a:xfrm>
            <a:off x="7363675" y="4844182"/>
            <a:ext cx="10053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RFI DTL2</a:t>
            </a:r>
          </a:p>
        </p:txBody>
      </p: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99AF332E-5FDA-824A-9F0D-7FD06091AC52}"/>
              </a:ext>
            </a:extLst>
          </p:cNvPr>
          <p:cNvCxnSpPr>
            <a:cxnSpLocks/>
            <a:stCxn id="40" idx="1"/>
          </p:cNvCxnSpPr>
          <p:nvPr/>
        </p:nvCxnSpPr>
        <p:spPr>
          <a:xfrm flipH="1">
            <a:off x="6938228" y="4261738"/>
            <a:ext cx="413978" cy="0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2DD9019A-7CE5-D04E-BA4D-325F2FE83629}"/>
              </a:ext>
            </a:extLst>
          </p:cNvPr>
          <p:cNvCxnSpPr>
            <a:cxnSpLocks/>
            <a:stCxn id="41" idx="1"/>
          </p:cNvCxnSpPr>
          <p:nvPr/>
        </p:nvCxnSpPr>
        <p:spPr>
          <a:xfrm flipH="1">
            <a:off x="6722205" y="5028848"/>
            <a:ext cx="641470" cy="0"/>
          </a:xfrm>
          <a:prstGeom prst="straightConnector1">
            <a:avLst/>
          </a:prstGeom>
          <a:ln w="28575">
            <a:solidFill>
              <a:srgbClr val="FF0000"/>
            </a:solidFill>
            <a:tailEnd type="stealth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207835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9888</TotalTime>
  <Words>1446</Words>
  <Application>Microsoft Macintosh PowerPoint</Application>
  <PresentationFormat>On-screen Show (4:3)</PresentationFormat>
  <Paragraphs>398</Paragraphs>
  <Slides>2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5" baseType="lpstr">
      <vt:lpstr>Arial</vt:lpstr>
      <vt:lpstr>Calibri</vt:lpstr>
      <vt:lpstr>Office Theme</vt:lpstr>
      <vt:lpstr>ESS Accelerator Plan</vt:lpstr>
      <vt:lpstr>List of Acronyms</vt:lpstr>
      <vt:lpstr>Key Assumptions</vt:lpstr>
      <vt:lpstr>2018 New Baseline</vt:lpstr>
      <vt:lpstr>Ion Source and LEBT</vt:lpstr>
      <vt:lpstr>NC Front End</vt:lpstr>
      <vt:lpstr>NC Front End</vt:lpstr>
      <vt:lpstr>NC Front End: DTL</vt:lpstr>
      <vt:lpstr>Visual Plan</vt:lpstr>
      <vt:lpstr>NC Front End: DTL</vt:lpstr>
      <vt:lpstr>NC Front End Timeline</vt:lpstr>
      <vt:lpstr>NC Front End: Main Risks and Opportunities</vt:lpstr>
      <vt:lpstr>SC Linac</vt:lpstr>
      <vt:lpstr>SC Linac</vt:lpstr>
      <vt:lpstr>SPK Timeline</vt:lpstr>
      <vt:lpstr>MBL Timeline</vt:lpstr>
      <vt:lpstr>HBL</vt:lpstr>
      <vt:lpstr>SC Linac: Main Schedule Risks and Opportunities</vt:lpstr>
      <vt:lpstr>Critical Path – September 2018</vt:lpstr>
      <vt:lpstr>Near Critical Path</vt:lpstr>
      <vt:lpstr>Delays on major milestones since the new baseline was approved</vt:lpstr>
      <vt:lpstr>The Big Picture</vt:lpstr>
    </vt:vector>
  </TitlesOfParts>
  <Company/>
  <LinksUpToDate>false</LinksUpToDate>
  <SharedDoc>false</SharedDoc>
  <HyperlinksChanged>false</HyperlinksChanged>
  <AppVersion>16.001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stallation Testing and Commissioning Planning Update</dc:title>
  <dc:creator>Ciprian Plostinar</dc:creator>
  <cp:lastModifiedBy>Ciprian Plostinar</cp:lastModifiedBy>
  <cp:revision>52</cp:revision>
  <dcterms:created xsi:type="dcterms:W3CDTF">2018-06-13T20:30:18Z</dcterms:created>
  <dcterms:modified xsi:type="dcterms:W3CDTF">2018-10-16T07:01:21Z</dcterms:modified>
</cp:coreProperties>
</file>